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6F328A9F-DC4B-4AE4-B87D-EE16AEB2EC14}" xr6:coauthVersionLast="47" xr6:coauthVersionMax="47" xr10:uidLastSave="{00000000-0000-0000-0000-000000000000}"/>
  <bookViews>
    <workbookView xWindow="5175" yWindow="-16320" windowWidth="29040" windowHeight="15720" xr2:uid="{08649018-0276-4896-A073-4CDE926FEF01}"/>
  </bookViews>
  <sheets>
    <sheet name="sheet14-2" sheetId="1" r:id="rId1"/>
  </sheets>
  <definedNames>
    <definedName name="_xlnm.Print_Area" localSheetId="0">'sheet14-2'!$A$1:$T$4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41" uniqueCount="76">
  <si>
    <t>第１８表　年度別、保険者別経理状況（その２）（退職被保険者等分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23" eb="25">
      <t>タイショク</t>
    </rPh>
    <rPh sb="25" eb="29">
      <t>ヒホケンシャ</t>
    </rPh>
    <rPh sb="29" eb="30">
      <t>トウ</t>
    </rPh>
    <rPh sb="30" eb="31">
      <t>ブン</t>
    </rPh>
    <phoneticPr fontId="3"/>
  </si>
  <si>
    <t>保険料（税）の収納状況</t>
    <rPh sb="0" eb="3">
      <t>ホケンリョウ</t>
    </rPh>
    <rPh sb="4" eb="5">
      <t>ゼイ</t>
    </rPh>
    <rPh sb="7" eb="9">
      <t>シュウノウ</t>
    </rPh>
    <rPh sb="9" eb="11">
      <t>ジョウキョウ</t>
    </rPh>
    <phoneticPr fontId="3"/>
  </si>
  <si>
    <t>医療給付支払状況</t>
    <rPh sb="0" eb="2">
      <t>イリョウ</t>
    </rPh>
    <rPh sb="2" eb="4">
      <t>キュウフ</t>
    </rPh>
    <rPh sb="4" eb="6">
      <t>シハライ</t>
    </rPh>
    <rPh sb="6" eb="8">
      <t>ジョウキョウ</t>
    </rPh>
    <phoneticPr fontId="3"/>
  </si>
  <si>
    <t>現年分</t>
    <rPh sb="0" eb="1">
      <t>ゲン</t>
    </rPh>
    <rPh sb="1" eb="3">
      <t>ネンブン</t>
    </rPh>
    <phoneticPr fontId="3"/>
  </si>
  <si>
    <t>滞納繰越分</t>
    <rPh sb="0" eb="2">
      <t>タイノウ</t>
    </rPh>
    <rPh sb="2" eb="5">
      <t>クリコシブン</t>
    </rPh>
    <phoneticPr fontId="3"/>
  </si>
  <si>
    <t>計</t>
    <rPh sb="0" eb="1">
      <t>ケイ</t>
    </rPh>
    <phoneticPr fontId="3"/>
  </si>
  <si>
    <t>徴収金等</t>
    <rPh sb="0" eb="3">
      <t>チョウシュウキン</t>
    </rPh>
    <rPh sb="3" eb="4">
      <t>トウ</t>
    </rPh>
    <phoneticPr fontId="3"/>
  </si>
  <si>
    <t>調定額</t>
    <rPh sb="0" eb="2">
      <t>チョウテイ</t>
    </rPh>
    <rPh sb="2" eb="3">
      <t>ガク</t>
    </rPh>
    <phoneticPr fontId="3"/>
  </si>
  <si>
    <t>収納額</t>
    <rPh sb="0" eb="3">
      <t>シュウノウガク</t>
    </rPh>
    <phoneticPr fontId="3"/>
  </si>
  <si>
    <t>不納欠損額</t>
    <rPh sb="0" eb="2">
      <t>フノウ</t>
    </rPh>
    <rPh sb="2" eb="5">
      <t>ケッソンガク</t>
    </rPh>
    <phoneticPr fontId="3"/>
  </si>
  <si>
    <t>未収額</t>
    <rPh sb="0" eb="3">
      <t>ミシュウガク</t>
    </rPh>
    <phoneticPr fontId="3"/>
  </si>
  <si>
    <t>療養給付費</t>
    <rPh sb="0" eb="2">
      <t>リョウヨウ</t>
    </rPh>
    <rPh sb="2" eb="5">
      <t>キュウフヒ</t>
    </rPh>
    <phoneticPr fontId="3"/>
  </si>
  <si>
    <t>療養費</t>
    <rPh sb="0" eb="3">
      <t>リョウヨウヒ</t>
    </rPh>
    <phoneticPr fontId="3"/>
  </si>
  <si>
    <t>高額療養費</t>
    <rPh sb="0" eb="2">
      <t>コウガク</t>
    </rPh>
    <rPh sb="2" eb="5">
      <t>リョウヨウヒ</t>
    </rPh>
    <phoneticPr fontId="3"/>
  </si>
  <si>
    <t>高額介護
合算療養費</t>
    <rPh sb="0" eb="2">
      <t>コウガク</t>
    </rPh>
    <rPh sb="2" eb="4">
      <t>カイゴ</t>
    </rPh>
    <rPh sb="5" eb="7">
      <t>ガッサン</t>
    </rPh>
    <rPh sb="7" eb="10">
      <t>リョウヨウヒ</t>
    </rPh>
    <phoneticPr fontId="3"/>
  </si>
  <si>
    <t>移送費</t>
    <rPh sb="0" eb="3">
      <t>イソウヒ</t>
    </rPh>
    <phoneticPr fontId="3"/>
  </si>
  <si>
    <t>E#48</t>
  </si>
  <si>
    <t>E#49</t>
  </si>
  <si>
    <t>E#51</t>
  </si>
  <si>
    <t>E#52</t>
  </si>
  <si>
    <t>E#54</t>
  </si>
  <si>
    <t>E#55</t>
  </si>
  <si>
    <t>E#57</t>
  </si>
  <si>
    <t>E#58</t>
  </si>
  <si>
    <t>E#60</t>
  </si>
  <si>
    <t>E#61</t>
  </si>
  <si>
    <t>E#63</t>
  </si>
  <si>
    <t>E#64</t>
  </si>
  <si>
    <t>E#68</t>
  </si>
  <si>
    <t>E#78</t>
  </si>
  <si>
    <t>E#88</t>
    <phoneticPr fontId="3"/>
  </si>
  <si>
    <t>E#180</t>
    <phoneticPr fontId="3"/>
  </si>
  <si>
    <t>E#142</t>
  </si>
  <si>
    <t>第１４表　年度別、保険者別経理状況（退職被保険者等分）（その２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0">
      <t>タイショク</t>
    </rPh>
    <rPh sb="20" eb="24">
      <t>ヒホケンシャ</t>
    </rPh>
    <rPh sb="24" eb="25">
      <t>トウ</t>
    </rPh>
    <rPh sb="25" eb="26">
      <t>ブン</t>
    </rPh>
    <phoneticPr fontId="3"/>
  </si>
  <si>
    <t>番
号</t>
    <rPh sb="0" eb="1">
      <t>バン</t>
    </rPh>
    <rPh sb="3" eb="4">
      <t>ゴウ</t>
    </rPh>
    <phoneticPr fontId="3"/>
  </si>
  <si>
    <t>年　　度
保険者名</t>
    <rPh sb="0" eb="1">
      <t>トシ</t>
    </rPh>
    <rPh sb="3" eb="4">
      <t>ド</t>
    </rPh>
    <rPh sb="6" eb="10">
      <t>ホケンシャメイ</t>
    </rPh>
    <phoneticPr fontId="3"/>
  </si>
  <si>
    <t>千円</t>
    <rPh sb="0" eb="2">
      <t>センエン</t>
    </rPh>
    <phoneticPr fontId="3"/>
  </si>
  <si>
    <t>平成18年度</t>
    <rPh sb="0" eb="2">
      <t>ヘイセイ</t>
    </rPh>
    <rPh sb="4" eb="6">
      <t>ネンド</t>
    </rPh>
    <phoneticPr fontId="3"/>
  </si>
  <si>
    <t>-</t>
    <phoneticPr fontId="3"/>
  </si>
  <si>
    <t>平成19年度</t>
    <rPh sb="0" eb="2">
      <t>ヘイセイ</t>
    </rPh>
    <rPh sb="4" eb="6">
      <t>ネンド</t>
    </rPh>
    <phoneticPr fontId="3"/>
  </si>
  <si>
    <t>平成20年度</t>
    <rPh sb="0" eb="2">
      <t>ヘイセイ</t>
    </rPh>
    <rPh sb="4" eb="6">
      <t>ネンド</t>
    </rPh>
    <phoneticPr fontId="3"/>
  </si>
  <si>
    <t>平成21年度</t>
    <rPh sb="0" eb="2">
      <t>ヘイセイ</t>
    </rPh>
    <rPh sb="4" eb="6">
      <t>ネンド</t>
    </rPh>
    <phoneticPr fontId="3"/>
  </si>
  <si>
    <t>平成22年度</t>
    <rPh sb="0" eb="2">
      <t>ヘイセイ</t>
    </rPh>
    <rPh sb="4" eb="6">
      <t>ネンド</t>
    </rPh>
    <phoneticPr fontId="3"/>
  </si>
  <si>
    <t>平成23年度</t>
    <rPh sb="0" eb="2">
      <t>ヘイセイ</t>
    </rPh>
    <rPh sb="4" eb="6">
      <t>ネンド</t>
    </rPh>
    <phoneticPr fontId="3"/>
  </si>
  <si>
    <t>平成24年度</t>
    <rPh sb="0" eb="2">
      <t>ヘイセイ</t>
    </rPh>
    <rPh sb="4" eb="6">
      <t>ネンド</t>
    </rPh>
    <phoneticPr fontId="3"/>
  </si>
  <si>
    <t>平成25年度</t>
    <rPh sb="0" eb="2">
      <t>ヘイセイ</t>
    </rPh>
    <rPh sb="4" eb="6">
      <t>ネンド</t>
    </rPh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平成28年度</t>
    <rPh sb="0" eb="2">
      <t>ヘイセイ</t>
    </rPh>
    <rPh sb="4" eb="6">
      <t>ネンド</t>
    </rPh>
    <phoneticPr fontId="3"/>
  </si>
  <si>
    <t>平成29年度</t>
    <rPh sb="0" eb="2">
      <t>ヘイセイ</t>
    </rPh>
    <rPh sb="4" eb="6">
      <t>ネンド</t>
    </rPh>
    <phoneticPr fontId="3"/>
  </si>
  <si>
    <t>平成30年度</t>
    <rPh sb="0" eb="2">
      <t>ヘイセイ</t>
    </rPh>
    <rPh sb="4" eb="6">
      <t>ネンド</t>
    </rPh>
    <phoneticPr fontId="3"/>
  </si>
  <si>
    <t>令和元年度</t>
    <rPh sb="0" eb="2">
      <t>レイワ</t>
    </rPh>
    <rPh sb="2" eb="4">
      <t>ガンネン</t>
    </rPh>
    <rPh sb="3" eb="5">
      <t>ネンド</t>
    </rPh>
    <phoneticPr fontId="3"/>
  </si>
  <si>
    <t>令和２年度</t>
    <rPh sb="0" eb="2">
      <t>レイワ</t>
    </rPh>
    <rPh sb="3" eb="5">
      <t>ネンド</t>
    </rPh>
    <phoneticPr fontId="3"/>
  </si>
  <si>
    <t>令和３年度</t>
    <rPh sb="0" eb="2">
      <t>レイワ</t>
    </rPh>
    <rPh sb="3" eb="5">
      <t>ネンド</t>
    </rPh>
    <phoneticPr fontId="3"/>
  </si>
  <si>
    <t>令和４年度</t>
    <rPh sb="0" eb="2">
      <t>レイワ</t>
    </rPh>
    <rPh sb="3" eb="5">
      <t>ネンド</t>
    </rPh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>*</t>
  </si>
  <si>
    <t>令和5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0;&quot;△ &quot;0"/>
    <numFmt numFmtId="177" formatCode="#,##0;&quot;△ &quot;#,##0"/>
    <numFmt numFmtId="178" formatCode="000"/>
    <numFmt numFmtId="179" formatCode="###,###,###,##0"/>
  </numFmts>
  <fonts count="6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  <font>
      <b/>
      <sz val="10"/>
      <color indexed="17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42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 wrapText="1"/>
    </xf>
    <xf numFmtId="0" fontId="1" fillId="0" borderId="5" xfId="0" applyFont="1" applyBorder="1" applyAlignment="1">
      <alignment vertical="center"/>
    </xf>
    <xf numFmtId="0" fontId="1" fillId="0" borderId="5" xfId="0" applyFont="1" applyBorder="1" applyAlignment="1">
      <alignment horizontal="right" vertical="center"/>
    </xf>
    <xf numFmtId="0" fontId="4" fillId="0" borderId="5" xfId="0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7" xfId="0" applyFont="1" applyBorder="1" applyAlignment="1">
      <alignment vertical="center"/>
    </xf>
    <xf numFmtId="0" fontId="1" fillId="0" borderId="7" xfId="0" applyFont="1" applyBorder="1" applyAlignment="1">
      <alignment horizontal="right" vertical="center"/>
    </xf>
    <xf numFmtId="0" fontId="1" fillId="0" borderId="5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176" fontId="1" fillId="0" borderId="5" xfId="0" applyNumberFormat="1" applyFont="1" applyBorder="1" applyAlignment="1">
      <alignment horizontal="right" vertical="center"/>
    </xf>
    <xf numFmtId="0" fontId="1" fillId="0" borderId="14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177" fontId="1" fillId="0" borderId="7" xfId="0" applyNumberFormat="1" applyFont="1" applyBorder="1" applyAlignment="1">
      <alignment horizontal="right" vertical="center"/>
    </xf>
    <xf numFmtId="0" fontId="1" fillId="0" borderId="11" xfId="0" applyFont="1" applyBorder="1" applyAlignment="1">
      <alignment horizontal="center" vertical="center"/>
    </xf>
    <xf numFmtId="178" fontId="1" fillId="0" borderId="7" xfId="0" applyNumberFormat="1" applyFont="1" applyBorder="1" applyAlignment="1">
      <alignment horizontal="center" vertical="center"/>
    </xf>
    <xf numFmtId="178" fontId="1" fillId="0" borderId="15" xfId="0" applyNumberFormat="1" applyFont="1" applyBorder="1" applyAlignment="1">
      <alignment horizontal="center" vertical="center"/>
    </xf>
    <xf numFmtId="178" fontId="1" fillId="0" borderId="16" xfId="0" applyNumberFormat="1" applyFont="1" applyBorder="1" applyAlignment="1">
      <alignment horizontal="center" vertical="center"/>
    </xf>
    <xf numFmtId="0" fontId="1" fillId="0" borderId="3" xfId="0" applyFont="1" applyBorder="1" applyAlignment="1">
      <alignment horizontal="left" vertical="center"/>
    </xf>
    <xf numFmtId="178" fontId="1" fillId="0" borderId="13" xfId="0" applyNumberFormat="1" applyFont="1" applyBorder="1" applyAlignment="1">
      <alignment horizontal="center" vertical="center"/>
    </xf>
    <xf numFmtId="178" fontId="1" fillId="0" borderId="17" xfId="0" applyNumberFormat="1" applyFont="1" applyBorder="1" applyAlignment="1">
      <alignment horizontal="center" vertical="center"/>
    </xf>
    <xf numFmtId="178" fontId="1" fillId="0" borderId="18" xfId="0" applyNumberFormat="1" applyFont="1" applyBorder="1" applyAlignment="1">
      <alignment horizontal="center" vertical="center"/>
    </xf>
    <xf numFmtId="0" fontId="5" fillId="2" borderId="0" xfId="0" applyFont="1" applyFill="1" applyAlignment="1">
      <alignment vertical="center"/>
    </xf>
    <xf numFmtId="179" fontId="1" fillId="0" borderId="0" xfId="0" applyNumberFormat="1" applyFont="1" applyAlignment="1">
      <alignment vertical="center"/>
    </xf>
    <xf numFmtId="0" fontId="1" fillId="0" borderId="4" xfId="0" applyFont="1" applyBorder="1" applyAlignment="1">
      <alignment horizontal="center" vertical="center" wrapText="1"/>
    </xf>
    <xf numFmtId="177" fontId="1" fillId="0" borderId="16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A056A9-7D2E-4806-9016-8FD57E985023}">
  <sheetPr>
    <pageSetUpPr fitToPage="1"/>
  </sheetPr>
  <dimension ref="A1:V52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E31" sqref="E31"/>
      <selection pane="topRight" activeCell="E31" sqref="E31"/>
      <selection pane="bottomLeft" activeCell="E31" sqref="E31"/>
      <selection pane="bottomRight" activeCell="A7" sqref="A7:T48"/>
    </sheetView>
  </sheetViews>
  <sheetFormatPr defaultColWidth="9" defaultRowHeight="15" customHeight="1"/>
  <cols>
    <col min="1" max="1" width="4.453125" style="1" customWidth="1"/>
    <col min="2" max="2" width="11" style="1" customWidth="1"/>
    <col min="3" max="3" width="11.453125" style="1" bestFit="1" customWidth="1"/>
    <col min="4" max="4" width="12.6328125" style="1" customWidth="1"/>
    <col min="5" max="5" width="10.6328125" style="1" bestFit="1" customWidth="1"/>
    <col min="6" max="6" width="11.453125" style="1" customWidth="1"/>
    <col min="7" max="7" width="10.453125" style="1" bestFit="1" customWidth="1"/>
    <col min="8" max="8" width="8.453125" style="1" customWidth="1"/>
    <col min="9" max="9" width="10.6328125" style="1" bestFit="1" customWidth="1"/>
    <col min="10" max="10" width="10.453125" style="1" bestFit="1" customWidth="1"/>
    <col min="11" max="16" width="12.453125" style="1" customWidth="1"/>
    <col min="17" max="18" width="10.6328125" style="1" customWidth="1"/>
    <col min="19" max="19" width="10.7265625" style="1" customWidth="1"/>
    <col min="20" max="20" width="10.08984375" style="1" customWidth="1"/>
    <col min="21" max="21" width="4.453125" style="1" bestFit="1" customWidth="1"/>
    <col min="22" max="256" width="9" style="1"/>
    <col min="257" max="257" width="4.453125" style="1" customWidth="1"/>
    <col min="258" max="258" width="11" style="1" customWidth="1"/>
    <col min="259" max="259" width="11.453125" style="1" bestFit="1" customWidth="1"/>
    <col min="260" max="260" width="12.6328125" style="1" customWidth="1"/>
    <col min="261" max="261" width="10.6328125" style="1" bestFit="1" customWidth="1"/>
    <col min="262" max="262" width="11.453125" style="1" customWidth="1"/>
    <col min="263" max="263" width="10.453125" style="1" bestFit="1" customWidth="1"/>
    <col min="264" max="264" width="8.453125" style="1" customWidth="1"/>
    <col min="265" max="265" width="10.6328125" style="1" bestFit="1" customWidth="1"/>
    <col min="266" max="266" width="10.453125" style="1" bestFit="1" customWidth="1"/>
    <col min="267" max="272" width="12.453125" style="1" customWidth="1"/>
    <col min="273" max="274" width="10.6328125" style="1" customWidth="1"/>
    <col min="275" max="275" width="10.7265625" style="1" customWidth="1"/>
    <col min="276" max="276" width="10.08984375" style="1" customWidth="1"/>
    <col min="277" max="277" width="4.453125" style="1" bestFit="1" customWidth="1"/>
    <col min="278" max="512" width="9" style="1"/>
    <col min="513" max="513" width="4.453125" style="1" customWidth="1"/>
    <col min="514" max="514" width="11" style="1" customWidth="1"/>
    <col min="515" max="515" width="11.453125" style="1" bestFit="1" customWidth="1"/>
    <col min="516" max="516" width="12.6328125" style="1" customWidth="1"/>
    <col min="517" max="517" width="10.6328125" style="1" bestFit="1" customWidth="1"/>
    <col min="518" max="518" width="11.453125" style="1" customWidth="1"/>
    <col min="519" max="519" width="10.453125" style="1" bestFit="1" customWidth="1"/>
    <col min="520" max="520" width="8.453125" style="1" customWidth="1"/>
    <col min="521" max="521" width="10.6328125" style="1" bestFit="1" customWidth="1"/>
    <col min="522" max="522" width="10.453125" style="1" bestFit="1" customWidth="1"/>
    <col min="523" max="528" width="12.453125" style="1" customWidth="1"/>
    <col min="529" max="530" width="10.6328125" style="1" customWidth="1"/>
    <col min="531" max="531" width="10.7265625" style="1" customWidth="1"/>
    <col min="532" max="532" width="10.08984375" style="1" customWidth="1"/>
    <col min="533" max="533" width="4.453125" style="1" bestFit="1" customWidth="1"/>
    <col min="534" max="768" width="9" style="1"/>
    <col min="769" max="769" width="4.453125" style="1" customWidth="1"/>
    <col min="770" max="770" width="11" style="1" customWidth="1"/>
    <col min="771" max="771" width="11.453125" style="1" bestFit="1" customWidth="1"/>
    <col min="772" max="772" width="12.6328125" style="1" customWidth="1"/>
    <col min="773" max="773" width="10.6328125" style="1" bestFit="1" customWidth="1"/>
    <col min="774" max="774" width="11.453125" style="1" customWidth="1"/>
    <col min="775" max="775" width="10.453125" style="1" bestFit="1" customWidth="1"/>
    <col min="776" max="776" width="8.453125" style="1" customWidth="1"/>
    <col min="777" max="777" width="10.6328125" style="1" bestFit="1" customWidth="1"/>
    <col min="778" max="778" width="10.453125" style="1" bestFit="1" customWidth="1"/>
    <col min="779" max="784" width="12.453125" style="1" customWidth="1"/>
    <col min="785" max="786" width="10.6328125" style="1" customWidth="1"/>
    <col min="787" max="787" width="10.7265625" style="1" customWidth="1"/>
    <col min="788" max="788" width="10.08984375" style="1" customWidth="1"/>
    <col min="789" max="789" width="4.453125" style="1" bestFit="1" customWidth="1"/>
    <col min="790" max="1024" width="9" style="1"/>
    <col min="1025" max="1025" width="4.453125" style="1" customWidth="1"/>
    <col min="1026" max="1026" width="11" style="1" customWidth="1"/>
    <col min="1027" max="1027" width="11.453125" style="1" bestFit="1" customWidth="1"/>
    <col min="1028" max="1028" width="12.6328125" style="1" customWidth="1"/>
    <col min="1029" max="1029" width="10.6328125" style="1" bestFit="1" customWidth="1"/>
    <col min="1030" max="1030" width="11.453125" style="1" customWidth="1"/>
    <col min="1031" max="1031" width="10.453125" style="1" bestFit="1" customWidth="1"/>
    <col min="1032" max="1032" width="8.453125" style="1" customWidth="1"/>
    <col min="1033" max="1033" width="10.6328125" style="1" bestFit="1" customWidth="1"/>
    <col min="1034" max="1034" width="10.453125" style="1" bestFit="1" customWidth="1"/>
    <col min="1035" max="1040" width="12.453125" style="1" customWidth="1"/>
    <col min="1041" max="1042" width="10.6328125" style="1" customWidth="1"/>
    <col min="1043" max="1043" width="10.7265625" style="1" customWidth="1"/>
    <col min="1044" max="1044" width="10.08984375" style="1" customWidth="1"/>
    <col min="1045" max="1045" width="4.453125" style="1" bestFit="1" customWidth="1"/>
    <col min="1046" max="1280" width="9" style="1"/>
    <col min="1281" max="1281" width="4.453125" style="1" customWidth="1"/>
    <col min="1282" max="1282" width="11" style="1" customWidth="1"/>
    <col min="1283" max="1283" width="11.453125" style="1" bestFit="1" customWidth="1"/>
    <col min="1284" max="1284" width="12.6328125" style="1" customWidth="1"/>
    <col min="1285" max="1285" width="10.6328125" style="1" bestFit="1" customWidth="1"/>
    <col min="1286" max="1286" width="11.453125" style="1" customWidth="1"/>
    <col min="1287" max="1287" width="10.453125" style="1" bestFit="1" customWidth="1"/>
    <col min="1288" max="1288" width="8.453125" style="1" customWidth="1"/>
    <col min="1289" max="1289" width="10.6328125" style="1" bestFit="1" customWidth="1"/>
    <col min="1290" max="1290" width="10.453125" style="1" bestFit="1" customWidth="1"/>
    <col min="1291" max="1296" width="12.453125" style="1" customWidth="1"/>
    <col min="1297" max="1298" width="10.6328125" style="1" customWidth="1"/>
    <col min="1299" max="1299" width="10.7265625" style="1" customWidth="1"/>
    <col min="1300" max="1300" width="10.08984375" style="1" customWidth="1"/>
    <col min="1301" max="1301" width="4.453125" style="1" bestFit="1" customWidth="1"/>
    <col min="1302" max="1536" width="9" style="1"/>
    <col min="1537" max="1537" width="4.453125" style="1" customWidth="1"/>
    <col min="1538" max="1538" width="11" style="1" customWidth="1"/>
    <col min="1539" max="1539" width="11.453125" style="1" bestFit="1" customWidth="1"/>
    <col min="1540" max="1540" width="12.6328125" style="1" customWidth="1"/>
    <col min="1541" max="1541" width="10.6328125" style="1" bestFit="1" customWidth="1"/>
    <col min="1542" max="1542" width="11.453125" style="1" customWidth="1"/>
    <col min="1543" max="1543" width="10.453125" style="1" bestFit="1" customWidth="1"/>
    <col min="1544" max="1544" width="8.453125" style="1" customWidth="1"/>
    <col min="1545" max="1545" width="10.6328125" style="1" bestFit="1" customWidth="1"/>
    <col min="1546" max="1546" width="10.453125" style="1" bestFit="1" customWidth="1"/>
    <col min="1547" max="1552" width="12.453125" style="1" customWidth="1"/>
    <col min="1553" max="1554" width="10.6328125" style="1" customWidth="1"/>
    <col min="1555" max="1555" width="10.7265625" style="1" customWidth="1"/>
    <col min="1556" max="1556" width="10.08984375" style="1" customWidth="1"/>
    <col min="1557" max="1557" width="4.453125" style="1" bestFit="1" customWidth="1"/>
    <col min="1558" max="1792" width="9" style="1"/>
    <col min="1793" max="1793" width="4.453125" style="1" customWidth="1"/>
    <col min="1794" max="1794" width="11" style="1" customWidth="1"/>
    <col min="1795" max="1795" width="11.453125" style="1" bestFit="1" customWidth="1"/>
    <col min="1796" max="1796" width="12.6328125" style="1" customWidth="1"/>
    <col min="1797" max="1797" width="10.6328125" style="1" bestFit="1" customWidth="1"/>
    <col min="1798" max="1798" width="11.453125" style="1" customWidth="1"/>
    <col min="1799" max="1799" width="10.453125" style="1" bestFit="1" customWidth="1"/>
    <col min="1800" max="1800" width="8.453125" style="1" customWidth="1"/>
    <col min="1801" max="1801" width="10.6328125" style="1" bestFit="1" customWidth="1"/>
    <col min="1802" max="1802" width="10.453125" style="1" bestFit="1" customWidth="1"/>
    <col min="1803" max="1808" width="12.453125" style="1" customWidth="1"/>
    <col min="1809" max="1810" width="10.6328125" style="1" customWidth="1"/>
    <col min="1811" max="1811" width="10.7265625" style="1" customWidth="1"/>
    <col min="1812" max="1812" width="10.08984375" style="1" customWidth="1"/>
    <col min="1813" max="1813" width="4.453125" style="1" bestFit="1" customWidth="1"/>
    <col min="1814" max="2048" width="9" style="1"/>
    <col min="2049" max="2049" width="4.453125" style="1" customWidth="1"/>
    <col min="2050" max="2050" width="11" style="1" customWidth="1"/>
    <col min="2051" max="2051" width="11.453125" style="1" bestFit="1" customWidth="1"/>
    <col min="2052" max="2052" width="12.6328125" style="1" customWidth="1"/>
    <col min="2053" max="2053" width="10.6328125" style="1" bestFit="1" customWidth="1"/>
    <col min="2054" max="2054" width="11.453125" style="1" customWidth="1"/>
    <col min="2055" max="2055" width="10.453125" style="1" bestFit="1" customWidth="1"/>
    <col min="2056" max="2056" width="8.453125" style="1" customWidth="1"/>
    <col min="2057" max="2057" width="10.6328125" style="1" bestFit="1" customWidth="1"/>
    <col min="2058" max="2058" width="10.453125" style="1" bestFit="1" customWidth="1"/>
    <col min="2059" max="2064" width="12.453125" style="1" customWidth="1"/>
    <col min="2065" max="2066" width="10.6328125" style="1" customWidth="1"/>
    <col min="2067" max="2067" width="10.7265625" style="1" customWidth="1"/>
    <col min="2068" max="2068" width="10.08984375" style="1" customWidth="1"/>
    <col min="2069" max="2069" width="4.453125" style="1" bestFit="1" customWidth="1"/>
    <col min="2070" max="2304" width="9" style="1"/>
    <col min="2305" max="2305" width="4.453125" style="1" customWidth="1"/>
    <col min="2306" max="2306" width="11" style="1" customWidth="1"/>
    <col min="2307" max="2307" width="11.453125" style="1" bestFit="1" customWidth="1"/>
    <col min="2308" max="2308" width="12.6328125" style="1" customWidth="1"/>
    <col min="2309" max="2309" width="10.6328125" style="1" bestFit="1" customWidth="1"/>
    <col min="2310" max="2310" width="11.453125" style="1" customWidth="1"/>
    <col min="2311" max="2311" width="10.453125" style="1" bestFit="1" customWidth="1"/>
    <col min="2312" max="2312" width="8.453125" style="1" customWidth="1"/>
    <col min="2313" max="2313" width="10.6328125" style="1" bestFit="1" customWidth="1"/>
    <col min="2314" max="2314" width="10.453125" style="1" bestFit="1" customWidth="1"/>
    <col min="2315" max="2320" width="12.453125" style="1" customWidth="1"/>
    <col min="2321" max="2322" width="10.6328125" style="1" customWidth="1"/>
    <col min="2323" max="2323" width="10.7265625" style="1" customWidth="1"/>
    <col min="2324" max="2324" width="10.08984375" style="1" customWidth="1"/>
    <col min="2325" max="2325" width="4.453125" style="1" bestFit="1" customWidth="1"/>
    <col min="2326" max="2560" width="9" style="1"/>
    <col min="2561" max="2561" width="4.453125" style="1" customWidth="1"/>
    <col min="2562" max="2562" width="11" style="1" customWidth="1"/>
    <col min="2563" max="2563" width="11.453125" style="1" bestFit="1" customWidth="1"/>
    <col min="2564" max="2564" width="12.6328125" style="1" customWidth="1"/>
    <col min="2565" max="2565" width="10.6328125" style="1" bestFit="1" customWidth="1"/>
    <col min="2566" max="2566" width="11.453125" style="1" customWidth="1"/>
    <col min="2567" max="2567" width="10.453125" style="1" bestFit="1" customWidth="1"/>
    <col min="2568" max="2568" width="8.453125" style="1" customWidth="1"/>
    <col min="2569" max="2569" width="10.6328125" style="1" bestFit="1" customWidth="1"/>
    <col min="2570" max="2570" width="10.453125" style="1" bestFit="1" customWidth="1"/>
    <col min="2571" max="2576" width="12.453125" style="1" customWidth="1"/>
    <col min="2577" max="2578" width="10.6328125" style="1" customWidth="1"/>
    <col min="2579" max="2579" width="10.7265625" style="1" customWidth="1"/>
    <col min="2580" max="2580" width="10.08984375" style="1" customWidth="1"/>
    <col min="2581" max="2581" width="4.453125" style="1" bestFit="1" customWidth="1"/>
    <col min="2582" max="2816" width="9" style="1"/>
    <col min="2817" max="2817" width="4.453125" style="1" customWidth="1"/>
    <col min="2818" max="2818" width="11" style="1" customWidth="1"/>
    <col min="2819" max="2819" width="11.453125" style="1" bestFit="1" customWidth="1"/>
    <col min="2820" max="2820" width="12.6328125" style="1" customWidth="1"/>
    <col min="2821" max="2821" width="10.6328125" style="1" bestFit="1" customWidth="1"/>
    <col min="2822" max="2822" width="11.453125" style="1" customWidth="1"/>
    <col min="2823" max="2823" width="10.453125" style="1" bestFit="1" customWidth="1"/>
    <col min="2824" max="2824" width="8.453125" style="1" customWidth="1"/>
    <col min="2825" max="2825" width="10.6328125" style="1" bestFit="1" customWidth="1"/>
    <col min="2826" max="2826" width="10.453125" style="1" bestFit="1" customWidth="1"/>
    <col min="2827" max="2832" width="12.453125" style="1" customWidth="1"/>
    <col min="2833" max="2834" width="10.6328125" style="1" customWidth="1"/>
    <col min="2835" max="2835" width="10.7265625" style="1" customWidth="1"/>
    <col min="2836" max="2836" width="10.08984375" style="1" customWidth="1"/>
    <col min="2837" max="2837" width="4.453125" style="1" bestFit="1" customWidth="1"/>
    <col min="2838" max="3072" width="9" style="1"/>
    <col min="3073" max="3073" width="4.453125" style="1" customWidth="1"/>
    <col min="3074" max="3074" width="11" style="1" customWidth="1"/>
    <col min="3075" max="3075" width="11.453125" style="1" bestFit="1" customWidth="1"/>
    <col min="3076" max="3076" width="12.6328125" style="1" customWidth="1"/>
    <col min="3077" max="3077" width="10.6328125" style="1" bestFit="1" customWidth="1"/>
    <col min="3078" max="3078" width="11.453125" style="1" customWidth="1"/>
    <col min="3079" max="3079" width="10.453125" style="1" bestFit="1" customWidth="1"/>
    <col min="3080" max="3080" width="8.453125" style="1" customWidth="1"/>
    <col min="3081" max="3081" width="10.6328125" style="1" bestFit="1" customWidth="1"/>
    <col min="3082" max="3082" width="10.453125" style="1" bestFit="1" customWidth="1"/>
    <col min="3083" max="3088" width="12.453125" style="1" customWidth="1"/>
    <col min="3089" max="3090" width="10.6328125" style="1" customWidth="1"/>
    <col min="3091" max="3091" width="10.7265625" style="1" customWidth="1"/>
    <col min="3092" max="3092" width="10.08984375" style="1" customWidth="1"/>
    <col min="3093" max="3093" width="4.453125" style="1" bestFit="1" customWidth="1"/>
    <col min="3094" max="3328" width="9" style="1"/>
    <col min="3329" max="3329" width="4.453125" style="1" customWidth="1"/>
    <col min="3330" max="3330" width="11" style="1" customWidth="1"/>
    <col min="3331" max="3331" width="11.453125" style="1" bestFit="1" customWidth="1"/>
    <col min="3332" max="3332" width="12.6328125" style="1" customWidth="1"/>
    <col min="3333" max="3333" width="10.6328125" style="1" bestFit="1" customWidth="1"/>
    <col min="3334" max="3334" width="11.453125" style="1" customWidth="1"/>
    <col min="3335" max="3335" width="10.453125" style="1" bestFit="1" customWidth="1"/>
    <col min="3336" max="3336" width="8.453125" style="1" customWidth="1"/>
    <col min="3337" max="3337" width="10.6328125" style="1" bestFit="1" customWidth="1"/>
    <col min="3338" max="3338" width="10.453125" style="1" bestFit="1" customWidth="1"/>
    <col min="3339" max="3344" width="12.453125" style="1" customWidth="1"/>
    <col min="3345" max="3346" width="10.6328125" style="1" customWidth="1"/>
    <col min="3347" max="3347" width="10.7265625" style="1" customWidth="1"/>
    <col min="3348" max="3348" width="10.08984375" style="1" customWidth="1"/>
    <col min="3349" max="3349" width="4.453125" style="1" bestFit="1" customWidth="1"/>
    <col min="3350" max="3584" width="9" style="1"/>
    <col min="3585" max="3585" width="4.453125" style="1" customWidth="1"/>
    <col min="3586" max="3586" width="11" style="1" customWidth="1"/>
    <col min="3587" max="3587" width="11.453125" style="1" bestFit="1" customWidth="1"/>
    <col min="3588" max="3588" width="12.6328125" style="1" customWidth="1"/>
    <col min="3589" max="3589" width="10.6328125" style="1" bestFit="1" customWidth="1"/>
    <col min="3590" max="3590" width="11.453125" style="1" customWidth="1"/>
    <col min="3591" max="3591" width="10.453125" style="1" bestFit="1" customWidth="1"/>
    <col min="3592" max="3592" width="8.453125" style="1" customWidth="1"/>
    <col min="3593" max="3593" width="10.6328125" style="1" bestFit="1" customWidth="1"/>
    <col min="3594" max="3594" width="10.453125" style="1" bestFit="1" customWidth="1"/>
    <col min="3595" max="3600" width="12.453125" style="1" customWidth="1"/>
    <col min="3601" max="3602" width="10.6328125" style="1" customWidth="1"/>
    <col min="3603" max="3603" width="10.7265625" style="1" customWidth="1"/>
    <col min="3604" max="3604" width="10.08984375" style="1" customWidth="1"/>
    <col min="3605" max="3605" width="4.453125" style="1" bestFit="1" customWidth="1"/>
    <col min="3606" max="3840" width="9" style="1"/>
    <col min="3841" max="3841" width="4.453125" style="1" customWidth="1"/>
    <col min="3842" max="3842" width="11" style="1" customWidth="1"/>
    <col min="3843" max="3843" width="11.453125" style="1" bestFit="1" customWidth="1"/>
    <col min="3844" max="3844" width="12.6328125" style="1" customWidth="1"/>
    <col min="3845" max="3845" width="10.6328125" style="1" bestFit="1" customWidth="1"/>
    <col min="3846" max="3846" width="11.453125" style="1" customWidth="1"/>
    <col min="3847" max="3847" width="10.453125" style="1" bestFit="1" customWidth="1"/>
    <col min="3848" max="3848" width="8.453125" style="1" customWidth="1"/>
    <col min="3849" max="3849" width="10.6328125" style="1" bestFit="1" customWidth="1"/>
    <col min="3850" max="3850" width="10.453125" style="1" bestFit="1" customWidth="1"/>
    <col min="3851" max="3856" width="12.453125" style="1" customWidth="1"/>
    <col min="3857" max="3858" width="10.6328125" style="1" customWidth="1"/>
    <col min="3859" max="3859" width="10.7265625" style="1" customWidth="1"/>
    <col min="3860" max="3860" width="10.08984375" style="1" customWidth="1"/>
    <col min="3861" max="3861" width="4.453125" style="1" bestFit="1" customWidth="1"/>
    <col min="3862" max="4096" width="9" style="1"/>
    <col min="4097" max="4097" width="4.453125" style="1" customWidth="1"/>
    <col min="4098" max="4098" width="11" style="1" customWidth="1"/>
    <col min="4099" max="4099" width="11.453125" style="1" bestFit="1" customWidth="1"/>
    <col min="4100" max="4100" width="12.6328125" style="1" customWidth="1"/>
    <col min="4101" max="4101" width="10.6328125" style="1" bestFit="1" customWidth="1"/>
    <col min="4102" max="4102" width="11.453125" style="1" customWidth="1"/>
    <col min="4103" max="4103" width="10.453125" style="1" bestFit="1" customWidth="1"/>
    <col min="4104" max="4104" width="8.453125" style="1" customWidth="1"/>
    <col min="4105" max="4105" width="10.6328125" style="1" bestFit="1" customWidth="1"/>
    <col min="4106" max="4106" width="10.453125" style="1" bestFit="1" customWidth="1"/>
    <col min="4107" max="4112" width="12.453125" style="1" customWidth="1"/>
    <col min="4113" max="4114" width="10.6328125" style="1" customWidth="1"/>
    <col min="4115" max="4115" width="10.7265625" style="1" customWidth="1"/>
    <col min="4116" max="4116" width="10.08984375" style="1" customWidth="1"/>
    <col min="4117" max="4117" width="4.453125" style="1" bestFit="1" customWidth="1"/>
    <col min="4118" max="4352" width="9" style="1"/>
    <col min="4353" max="4353" width="4.453125" style="1" customWidth="1"/>
    <col min="4354" max="4354" width="11" style="1" customWidth="1"/>
    <col min="4355" max="4355" width="11.453125" style="1" bestFit="1" customWidth="1"/>
    <col min="4356" max="4356" width="12.6328125" style="1" customWidth="1"/>
    <col min="4357" max="4357" width="10.6328125" style="1" bestFit="1" customWidth="1"/>
    <col min="4358" max="4358" width="11.453125" style="1" customWidth="1"/>
    <col min="4359" max="4359" width="10.453125" style="1" bestFit="1" customWidth="1"/>
    <col min="4360" max="4360" width="8.453125" style="1" customWidth="1"/>
    <col min="4361" max="4361" width="10.6328125" style="1" bestFit="1" customWidth="1"/>
    <col min="4362" max="4362" width="10.453125" style="1" bestFit="1" customWidth="1"/>
    <col min="4363" max="4368" width="12.453125" style="1" customWidth="1"/>
    <col min="4369" max="4370" width="10.6328125" style="1" customWidth="1"/>
    <col min="4371" max="4371" width="10.7265625" style="1" customWidth="1"/>
    <col min="4372" max="4372" width="10.08984375" style="1" customWidth="1"/>
    <col min="4373" max="4373" width="4.453125" style="1" bestFit="1" customWidth="1"/>
    <col min="4374" max="4608" width="9" style="1"/>
    <col min="4609" max="4609" width="4.453125" style="1" customWidth="1"/>
    <col min="4610" max="4610" width="11" style="1" customWidth="1"/>
    <col min="4611" max="4611" width="11.453125" style="1" bestFit="1" customWidth="1"/>
    <col min="4612" max="4612" width="12.6328125" style="1" customWidth="1"/>
    <col min="4613" max="4613" width="10.6328125" style="1" bestFit="1" customWidth="1"/>
    <col min="4614" max="4614" width="11.453125" style="1" customWidth="1"/>
    <col min="4615" max="4615" width="10.453125" style="1" bestFit="1" customWidth="1"/>
    <col min="4616" max="4616" width="8.453125" style="1" customWidth="1"/>
    <col min="4617" max="4617" width="10.6328125" style="1" bestFit="1" customWidth="1"/>
    <col min="4618" max="4618" width="10.453125" style="1" bestFit="1" customWidth="1"/>
    <col min="4619" max="4624" width="12.453125" style="1" customWidth="1"/>
    <col min="4625" max="4626" width="10.6328125" style="1" customWidth="1"/>
    <col min="4627" max="4627" width="10.7265625" style="1" customWidth="1"/>
    <col min="4628" max="4628" width="10.08984375" style="1" customWidth="1"/>
    <col min="4629" max="4629" width="4.453125" style="1" bestFit="1" customWidth="1"/>
    <col min="4630" max="4864" width="9" style="1"/>
    <col min="4865" max="4865" width="4.453125" style="1" customWidth="1"/>
    <col min="4866" max="4866" width="11" style="1" customWidth="1"/>
    <col min="4867" max="4867" width="11.453125" style="1" bestFit="1" customWidth="1"/>
    <col min="4868" max="4868" width="12.6328125" style="1" customWidth="1"/>
    <col min="4869" max="4869" width="10.6328125" style="1" bestFit="1" customWidth="1"/>
    <col min="4870" max="4870" width="11.453125" style="1" customWidth="1"/>
    <col min="4871" max="4871" width="10.453125" style="1" bestFit="1" customWidth="1"/>
    <col min="4872" max="4872" width="8.453125" style="1" customWidth="1"/>
    <col min="4873" max="4873" width="10.6328125" style="1" bestFit="1" customWidth="1"/>
    <col min="4874" max="4874" width="10.453125" style="1" bestFit="1" customWidth="1"/>
    <col min="4875" max="4880" width="12.453125" style="1" customWidth="1"/>
    <col min="4881" max="4882" width="10.6328125" style="1" customWidth="1"/>
    <col min="4883" max="4883" width="10.7265625" style="1" customWidth="1"/>
    <col min="4884" max="4884" width="10.08984375" style="1" customWidth="1"/>
    <col min="4885" max="4885" width="4.453125" style="1" bestFit="1" customWidth="1"/>
    <col min="4886" max="5120" width="9" style="1"/>
    <col min="5121" max="5121" width="4.453125" style="1" customWidth="1"/>
    <col min="5122" max="5122" width="11" style="1" customWidth="1"/>
    <col min="5123" max="5123" width="11.453125" style="1" bestFit="1" customWidth="1"/>
    <col min="5124" max="5124" width="12.6328125" style="1" customWidth="1"/>
    <col min="5125" max="5125" width="10.6328125" style="1" bestFit="1" customWidth="1"/>
    <col min="5126" max="5126" width="11.453125" style="1" customWidth="1"/>
    <col min="5127" max="5127" width="10.453125" style="1" bestFit="1" customWidth="1"/>
    <col min="5128" max="5128" width="8.453125" style="1" customWidth="1"/>
    <col min="5129" max="5129" width="10.6328125" style="1" bestFit="1" customWidth="1"/>
    <col min="5130" max="5130" width="10.453125" style="1" bestFit="1" customWidth="1"/>
    <col min="5131" max="5136" width="12.453125" style="1" customWidth="1"/>
    <col min="5137" max="5138" width="10.6328125" style="1" customWidth="1"/>
    <col min="5139" max="5139" width="10.7265625" style="1" customWidth="1"/>
    <col min="5140" max="5140" width="10.08984375" style="1" customWidth="1"/>
    <col min="5141" max="5141" width="4.453125" style="1" bestFit="1" customWidth="1"/>
    <col min="5142" max="5376" width="9" style="1"/>
    <col min="5377" max="5377" width="4.453125" style="1" customWidth="1"/>
    <col min="5378" max="5378" width="11" style="1" customWidth="1"/>
    <col min="5379" max="5379" width="11.453125" style="1" bestFit="1" customWidth="1"/>
    <col min="5380" max="5380" width="12.6328125" style="1" customWidth="1"/>
    <col min="5381" max="5381" width="10.6328125" style="1" bestFit="1" customWidth="1"/>
    <col min="5382" max="5382" width="11.453125" style="1" customWidth="1"/>
    <col min="5383" max="5383" width="10.453125" style="1" bestFit="1" customWidth="1"/>
    <col min="5384" max="5384" width="8.453125" style="1" customWidth="1"/>
    <col min="5385" max="5385" width="10.6328125" style="1" bestFit="1" customWidth="1"/>
    <col min="5386" max="5386" width="10.453125" style="1" bestFit="1" customWidth="1"/>
    <col min="5387" max="5392" width="12.453125" style="1" customWidth="1"/>
    <col min="5393" max="5394" width="10.6328125" style="1" customWidth="1"/>
    <col min="5395" max="5395" width="10.7265625" style="1" customWidth="1"/>
    <col min="5396" max="5396" width="10.08984375" style="1" customWidth="1"/>
    <col min="5397" max="5397" width="4.453125" style="1" bestFit="1" customWidth="1"/>
    <col min="5398" max="5632" width="9" style="1"/>
    <col min="5633" max="5633" width="4.453125" style="1" customWidth="1"/>
    <col min="5634" max="5634" width="11" style="1" customWidth="1"/>
    <col min="5635" max="5635" width="11.453125" style="1" bestFit="1" customWidth="1"/>
    <col min="5636" max="5636" width="12.6328125" style="1" customWidth="1"/>
    <col min="5637" max="5637" width="10.6328125" style="1" bestFit="1" customWidth="1"/>
    <col min="5638" max="5638" width="11.453125" style="1" customWidth="1"/>
    <col min="5639" max="5639" width="10.453125" style="1" bestFit="1" customWidth="1"/>
    <col min="5640" max="5640" width="8.453125" style="1" customWidth="1"/>
    <col min="5641" max="5641" width="10.6328125" style="1" bestFit="1" customWidth="1"/>
    <col min="5642" max="5642" width="10.453125" style="1" bestFit="1" customWidth="1"/>
    <col min="5643" max="5648" width="12.453125" style="1" customWidth="1"/>
    <col min="5649" max="5650" width="10.6328125" style="1" customWidth="1"/>
    <col min="5651" max="5651" width="10.7265625" style="1" customWidth="1"/>
    <col min="5652" max="5652" width="10.08984375" style="1" customWidth="1"/>
    <col min="5653" max="5653" width="4.453125" style="1" bestFit="1" customWidth="1"/>
    <col min="5654" max="5888" width="9" style="1"/>
    <col min="5889" max="5889" width="4.453125" style="1" customWidth="1"/>
    <col min="5890" max="5890" width="11" style="1" customWidth="1"/>
    <col min="5891" max="5891" width="11.453125" style="1" bestFit="1" customWidth="1"/>
    <col min="5892" max="5892" width="12.6328125" style="1" customWidth="1"/>
    <col min="5893" max="5893" width="10.6328125" style="1" bestFit="1" customWidth="1"/>
    <col min="5894" max="5894" width="11.453125" style="1" customWidth="1"/>
    <col min="5895" max="5895" width="10.453125" style="1" bestFit="1" customWidth="1"/>
    <col min="5896" max="5896" width="8.453125" style="1" customWidth="1"/>
    <col min="5897" max="5897" width="10.6328125" style="1" bestFit="1" customWidth="1"/>
    <col min="5898" max="5898" width="10.453125" style="1" bestFit="1" customWidth="1"/>
    <col min="5899" max="5904" width="12.453125" style="1" customWidth="1"/>
    <col min="5905" max="5906" width="10.6328125" style="1" customWidth="1"/>
    <col min="5907" max="5907" width="10.7265625" style="1" customWidth="1"/>
    <col min="5908" max="5908" width="10.08984375" style="1" customWidth="1"/>
    <col min="5909" max="5909" width="4.453125" style="1" bestFit="1" customWidth="1"/>
    <col min="5910" max="6144" width="9" style="1"/>
    <col min="6145" max="6145" width="4.453125" style="1" customWidth="1"/>
    <col min="6146" max="6146" width="11" style="1" customWidth="1"/>
    <col min="6147" max="6147" width="11.453125" style="1" bestFit="1" customWidth="1"/>
    <col min="6148" max="6148" width="12.6328125" style="1" customWidth="1"/>
    <col min="6149" max="6149" width="10.6328125" style="1" bestFit="1" customWidth="1"/>
    <col min="6150" max="6150" width="11.453125" style="1" customWidth="1"/>
    <col min="6151" max="6151" width="10.453125" style="1" bestFit="1" customWidth="1"/>
    <col min="6152" max="6152" width="8.453125" style="1" customWidth="1"/>
    <col min="6153" max="6153" width="10.6328125" style="1" bestFit="1" customWidth="1"/>
    <col min="6154" max="6154" width="10.453125" style="1" bestFit="1" customWidth="1"/>
    <col min="6155" max="6160" width="12.453125" style="1" customWidth="1"/>
    <col min="6161" max="6162" width="10.6328125" style="1" customWidth="1"/>
    <col min="6163" max="6163" width="10.7265625" style="1" customWidth="1"/>
    <col min="6164" max="6164" width="10.08984375" style="1" customWidth="1"/>
    <col min="6165" max="6165" width="4.453125" style="1" bestFit="1" customWidth="1"/>
    <col min="6166" max="6400" width="9" style="1"/>
    <col min="6401" max="6401" width="4.453125" style="1" customWidth="1"/>
    <col min="6402" max="6402" width="11" style="1" customWidth="1"/>
    <col min="6403" max="6403" width="11.453125" style="1" bestFit="1" customWidth="1"/>
    <col min="6404" max="6404" width="12.6328125" style="1" customWidth="1"/>
    <col min="6405" max="6405" width="10.6328125" style="1" bestFit="1" customWidth="1"/>
    <col min="6406" max="6406" width="11.453125" style="1" customWidth="1"/>
    <col min="6407" max="6407" width="10.453125" style="1" bestFit="1" customWidth="1"/>
    <col min="6408" max="6408" width="8.453125" style="1" customWidth="1"/>
    <col min="6409" max="6409" width="10.6328125" style="1" bestFit="1" customWidth="1"/>
    <col min="6410" max="6410" width="10.453125" style="1" bestFit="1" customWidth="1"/>
    <col min="6411" max="6416" width="12.453125" style="1" customWidth="1"/>
    <col min="6417" max="6418" width="10.6328125" style="1" customWidth="1"/>
    <col min="6419" max="6419" width="10.7265625" style="1" customWidth="1"/>
    <col min="6420" max="6420" width="10.08984375" style="1" customWidth="1"/>
    <col min="6421" max="6421" width="4.453125" style="1" bestFit="1" customWidth="1"/>
    <col min="6422" max="6656" width="9" style="1"/>
    <col min="6657" max="6657" width="4.453125" style="1" customWidth="1"/>
    <col min="6658" max="6658" width="11" style="1" customWidth="1"/>
    <col min="6659" max="6659" width="11.453125" style="1" bestFit="1" customWidth="1"/>
    <col min="6660" max="6660" width="12.6328125" style="1" customWidth="1"/>
    <col min="6661" max="6661" width="10.6328125" style="1" bestFit="1" customWidth="1"/>
    <col min="6662" max="6662" width="11.453125" style="1" customWidth="1"/>
    <col min="6663" max="6663" width="10.453125" style="1" bestFit="1" customWidth="1"/>
    <col min="6664" max="6664" width="8.453125" style="1" customWidth="1"/>
    <col min="6665" max="6665" width="10.6328125" style="1" bestFit="1" customWidth="1"/>
    <col min="6666" max="6666" width="10.453125" style="1" bestFit="1" customWidth="1"/>
    <col min="6667" max="6672" width="12.453125" style="1" customWidth="1"/>
    <col min="6673" max="6674" width="10.6328125" style="1" customWidth="1"/>
    <col min="6675" max="6675" width="10.7265625" style="1" customWidth="1"/>
    <col min="6676" max="6676" width="10.08984375" style="1" customWidth="1"/>
    <col min="6677" max="6677" width="4.453125" style="1" bestFit="1" customWidth="1"/>
    <col min="6678" max="6912" width="9" style="1"/>
    <col min="6913" max="6913" width="4.453125" style="1" customWidth="1"/>
    <col min="6914" max="6914" width="11" style="1" customWidth="1"/>
    <col min="6915" max="6915" width="11.453125" style="1" bestFit="1" customWidth="1"/>
    <col min="6916" max="6916" width="12.6328125" style="1" customWidth="1"/>
    <col min="6917" max="6917" width="10.6328125" style="1" bestFit="1" customWidth="1"/>
    <col min="6918" max="6918" width="11.453125" style="1" customWidth="1"/>
    <col min="6919" max="6919" width="10.453125" style="1" bestFit="1" customWidth="1"/>
    <col min="6920" max="6920" width="8.453125" style="1" customWidth="1"/>
    <col min="6921" max="6921" width="10.6328125" style="1" bestFit="1" customWidth="1"/>
    <col min="6922" max="6922" width="10.453125" style="1" bestFit="1" customWidth="1"/>
    <col min="6923" max="6928" width="12.453125" style="1" customWidth="1"/>
    <col min="6929" max="6930" width="10.6328125" style="1" customWidth="1"/>
    <col min="6931" max="6931" width="10.7265625" style="1" customWidth="1"/>
    <col min="6932" max="6932" width="10.08984375" style="1" customWidth="1"/>
    <col min="6933" max="6933" width="4.453125" style="1" bestFit="1" customWidth="1"/>
    <col min="6934" max="7168" width="9" style="1"/>
    <col min="7169" max="7169" width="4.453125" style="1" customWidth="1"/>
    <col min="7170" max="7170" width="11" style="1" customWidth="1"/>
    <col min="7171" max="7171" width="11.453125" style="1" bestFit="1" customWidth="1"/>
    <col min="7172" max="7172" width="12.6328125" style="1" customWidth="1"/>
    <col min="7173" max="7173" width="10.6328125" style="1" bestFit="1" customWidth="1"/>
    <col min="7174" max="7174" width="11.453125" style="1" customWidth="1"/>
    <col min="7175" max="7175" width="10.453125" style="1" bestFit="1" customWidth="1"/>
    <col min="7176" max="7176" width="8.453125" style="1" customWidth="1"/>
    <col min="7177" max="7177" width="10.6328125" style="1" bestFit="1" customWidth="1"/>
    <col min="7178" max="7178" width="10.453125" style="1" bestFit="1" customWidth="1"/>
    <col min="7179" max="7184" width="12.453125" style="1" customWidth="1"/>
    <col min="7185" max="7186" width="10.6328125" style="1" customWidth="1"/>
    <col min="7187" max="7187" width="10.7265625" style="1" customWidth="1"/>
    <col min="7188" max="7188" width="10.08984375" style="1" customWidth="1"/>
    <col min="7189" max="7189" width="4.453125" style="1" bestFit="1" customWidth="1"/>
    <col min="7190" max="7424" width="9" style="1"/>
    <col min="7425" max="7425" width="4.453125" style="1" customWidth="1"/>
    <col min="7426" max="7426" width="11" style="1" customWidth="1"/>
    <col min="7427" max="7427" width="11.453125" style="1" bestFit="1" customWidth="1"/>
    <col min="7428" max="7428" width="12.6328125" style="1" customWidth="1"/>
    <col min="7429" max="7429" width="10.6328125" style="1" bestFit="1" customWidth="1"/>
    <col min="7430" max="7430" width="11.453125" style="1" customWidth="1"/>
    <col min="7431" max="7431" width="10.453125" style="1" bestFit="1" customWidth="1"/>
    <col min="7432" max="7432" width="8.453125" style="1" customWidth="1"/>
    <col min="7433" max="7433" width="10.6328125" style="1" bestFit="1" customWidth="1"/>
    <col min="7434" max="7434" width="10.453125" style="1" bestFit="1" customWidth="1"/>
    <col min="7435" max="7440" width="12.453125" style="1" customWidth="1"/>
    <col min="7441" max="7442" width="10.6328125" style="1" customWidth="1"/>
    <col min="7443" max="7443" width="10.7265625" style="1" customWidth="1"/>
    <col min="7444" max="7444" width="10.08984375" style="1" customWidth="1"/>
    <col min="7445" max="7445" width="4.453125" style="1" bestFit="1" customWidth="1"/>
    <col min="7446" max="7680" width="9" style="1"/>
    <col min="7681" max="7681" width="4.453125" style="1" customWidth="1"/>
    <col min="7682" max="7682" width="11" style="1" customWidth="1"/>
    <col min="7683" max="7683" width="11.453125" style="1" bestFit="1" customWidth="1"/>
    <col min="7684" max="7684" width="12.6328125" style="1" customWidth="1"/>
    <col min="7685" max="7685" width="10.6328125" style="1" bestFit="1" customWidth="1"/>
    <col min="7686" max="7686" width="11.453125" style="1" customWidth="1"/>
    <col min="7687" max="7687" width="10.453125" style="1" bestFit="1" customWidth="1"/>
    <col min="7688" max="7688" width="8.453125" style="1" customWidth="1"/>
    <col min="7689" max="7689" width="10.6328125" style="1" bestFit="1" customWidth="1"/>
    <col min="7690" max="7690" width="10.453125" style="1" bestFit="1" customWidth="1"/>
    <col min="7691" max="7696" width="12.453125" style="1" customWidth="1"/>
    <col min="7697" max="7698" width="10.6328125" style="1" customWidth="1"/>
    <col min="7699" max="7699" width="10.7265625" style="1" customWidth="1"/>
    <col min="7700" max="7700" width="10.08984375" style="1" customWidth="1"/>
    <col min="7701" max="7701" width="4.453125" style="1" bestFit="1" customWidth="1"/>
    <col min="7702" max="7936" width="9" style="1"/>
    <col min="7937" max="7937" width="4.453125" style="1" customWidth="1"/>
    <col min="7938" max="7938" width="11" style="1" customWidth="1"/>
    <col min="7939" max="7939" width="11.453125" style="1" bestFit="1" customWidth="1"/>
    <col min="7940" max="7940" width="12.6328125" style="1" customWidth="1"/>
    <col min="7941" max="7941" width="10.6328125" style="1" bestFit="1" customWidth="1"/>
    <col min="7942" max="7942" width="11.453125" style="1" customWidth="1"/>
    <col min="7943" max="7943" width="10.453125" style="1" bestFit="1" customWidth="1"/>
    <col min="7944" max="7944" width="8.453125" style="1" customWidth="1"/>
    <col min="7945" max="7945" width="10.6328125" style="1" bestFit="1" customWidth="1"/>
    <col min="7946" max="7946" width="10.453125" style="1" bestFit="1" customWidth="1"/>
    <col min="7947" max="7952" width="12.453125" style="1" customWidth="1"/>
    <col min="7953" max="7954" width="10.6328125" style="1" customWidth="1"/>
    <col min="7955" max="7955" width="10.7265625" style="1" customWidth="1"/>
    <col min="7956" max="7956" width="10.08984375" style="1" customWidth="1"/>
    <col min="7957" max="7957" width="4.453125" style="1" bestFit="1" customWidth="1"/>
    <col min="7958" max="8192" width="9" style="1"/>
    <col min="8193" max="8193" width="4.453125" style="1" customWidth="1"/>
    <col min="8194" max="8194" width="11" style="1" customWidth="1"/>
    <col min="8195" max="8195" width="11.453125" style="1" bestFit="1" customWidth="1"/>
    <col min="8196" max="8196" width="12.6328125" style="1" customWidth="1"/>
    <col min="8197" max="8197" width="10.6328125" style="1" bestFit="1" customWidth="1"/>
    <col min="8198" max="8198" width="11.453125" style="1" customWidth="1"/>
    <col min="8199" max="8199" width="10.453125" style="1" bestFit="1" customWidth="1"/>
    <col min="8200" max="8200" width="8.453125" style="1" customWidth="1"/>
    <col min="8201" max="8201" width="10.6328125" style="1" bestFit="1" customWidth="1"/>
    <col min="8202" max="8202" width="10.453125" style="1" bestFit="1" customWidth="1"/>
    <col min="8203" max="8208" width="12.453125" style="1" customWidth="1"/>
    <col min="8209" max="8210" width="10.6328125" style="1" customWidth="1"/>
    <col min="8211" max="8211" width="10.7265625" style="1" customWidth="1"/>
    <col min="8212" max="8212" width="10.08984375" style="1" customWidth="1"/>
    <col min="8213" max="8213" width="4.453125" style="1" bestFit="1" customWidth="1"/>
    <col min="8214" max="8448" width="9" style="1"/>
    <col min="8449" max="8449" width="4.453125" style="1" customWidth="1"/>
    <col min="8450" max="8450" width="11" style="1" customWidth="1"/>
    <col min="8451" max="8451" width="11.453125" style="1" bestFit="1" customWidth="1"/>
    <col min="8452" max="8452" width="12.6328125" style="1" customWidth="1"/>
    <col min="8453" max="8453" width="10.6328125" style="1" bestFit="1" customWidth="1"/>
    <col min="8454" max="8454" width="11.453125" style="1" customWidth="1"/>
    <col min="8455" max="8455" width="10.453125" style="1" bestFit="1" customWidth="1"/>
    <col min="8456" max="8456" width="8.453125" style="1" customWidth="1"/>
    <col min="8457" max="8457" width="10.6328125" style="1" bestFit="1" customWidth="1"/>
    <col min="8458" max="8458" width="10.453125" style="1" bestFit="1" customWidth="1"/>
    <col min="8459" max="8464" width="12.453125" style="1" customWidth="1"/>
    <col min="8465" max="8466" width="10.6328125" style="1" customWidth="1"/>
    <col min="8467" max="8467" width="10.7265625" style="1" customWidth="1"/>
    <col min="8468" max="8468" width="10.08984375" style="1" customWidth="1"/>
    <col min="8469" max="8469" width="4.453125" style="1" bestFit="1" customWidth="1"/>
    <col min="8470" max="8704" width="9" style="1"/>
    <col min="8705" max="8705" width="4.453125" style="1" customWidth="1"/>
    <col min="8706" max="8706" width="11" style="1" customWidth="1"/>
    <col min="8707" max="8707" width="11.453125" style="1" bestFit="1" customWidth="1"/>
    <col min="8708" max="8708" width="12.6328125" style="1" customWidth="1"/>
    <col min="8709" max="8709" width="10.6328125" style="1" bestFit="1" customWidth="1"/>
    <col min="8710" max="8710" width="11.453125" style="1" customWidth="1"/>
    <col min="8711" max="8711" width="10.453125" style="1" bestFit="1" customWidth="1"/>
    <col min="8712" max="8712" width="8.453125" style="1" customWidth="1"/>
    <col min="8713" max="8713" width="10.6328125" style="1" bestFit="1" customWidth="1"/>
    <col min="8714" max="8714" width="10.453125" style="1" bestFit="1" customWidth="1"/>
    <col min="8715" max="8720" width="12.453125" style="1" customWidth="1"/>
    <col min="8721" max="8722" width="10.6328125" style="1" customWidth="1"/>
    <col min="8723" max="8723" width="10.7265625" style="1" customWidth="1"/>
    <col min="8724" max="8724" width="10.08984375" style="1" customWidth="1"/>
    <col min="8725" max="8725" width="4.453125" style="1" bestFit="1" customWidth="1"/>
    <col min="8726" max="8960" width="9" style="1"/>
    <col min="8961" max="8961" width="4.453125" style="1" customWidth="1"/>
    <col min="8962" max="8962" width="11" style="1" customWidth="1"/>
    <col min="8963" max="8963" width="11.453125" style="1" bestFit="1" customWidth="1"/>
    <col min="8964" max="8964" width="12.6328125" style="1" customWidth="1"/>
    <col min="8965" max="8965" width="10.6328125" style="1" bestFit="1" customWidth="1"/>
    <col min="8966" max="8966" width="11.453125" style="1" customWidth="1"/>
    <col min="8967" max="8967" width="10.453125" style="1" bestFit="1" customWidth="1"/>
    <col min="8968" max="8968" width="8.453125" style="1" customWidth="1"/>
    <col min="8969" max="8969" width="10.6328125" style="1" bestFit="1" customWidth="1"/>
    <col min="8970" max="8970" width="10.453125" style="1" bestFit="1" customWidth="1"/>
    <col min="8971" max="8976" width="12.453125" style="1" customWidth="1"/>
    <col min="8977" max="8978" width="10.6328125" style="1" customWidth="1"/>
    <col min="8979" max="8979" width="10.7265625" style="1" customWidth="1"/>
    <col min="8980" max="8980" width="10.08984375" style="1" customWidth="1"/>
    <col min="8981" max="8981" width="4.453125" style="1" bestFit="1" customWidth="1"/>
    <col min="8982" max="9216" width="9" style="1"/>
    <col min="9217" max="9217" width="4.453125" style="1" customWidth="1"/>
    <col min="9218" max="9218" width="11" style="1" customWidth="1"/>
    <col min="9219" max="9219" width="11.453125" style="1" bestFit="1" customWidth="1"/>
    <col min="9220" max="9220" width="12.6328125" style="1" customWidth="1"/>
    <col min="9221" max="9221" width="10.6328125" style="1" bestFit="1" customWidth="1"/>
    <col min="9222" max="9222" width="11.453125" style="1" customWidth="1"/>
    <col min="9223" max="9223" width="10.453125" style="1" bestFit="1" customWidth="1"/>
    <col min="9224" max="9224" width="8.453125" style="1" customWidth="1"/>
    <col min="9225" max="9225" width="10.6328125" style="1" bestFit="1" customWidth="1"/>
    <col min="9226" max="9226" width="10.453125" style="1" bestFit="1" customWidth="1"/>
    <col min="9227" max="9232" width="12.453125" style="1" customWidth="1"/>
    <col min="9233" max="9234" width="10.6328125" style="1" customWidth="1"/>
    <col min="9235" max="9235" width="10.7265625" style="1" customWidth="1"/>
    <col min="9236" max="9236" width="10.08984375" style="1" customWidth="1"/>
    <col min="9237" max="9237" width="4.453125" style="1" bestFit="1" customWidth="1"/>
    <col min="9238" max="9472" width="9" style="1"/>
    <col min="9473" max="9473" width="4.453125" style="1" customWidth="1"/>
    <col min="9474" max="9474" width="11" style="1" customWidth="1"/>
    <col min="9475" max="9475" width="11.453125" style="1" bestFit="1" customWidth="1"/>
    <col min="9476" max="9476" width="12.6328125" style="1" customWidth="1"/>
    <col min="9477" max="9477" width="10.6328125" style="1" bestFit="1" customWidth="1"/>
    <col min="9478" max="9478" width="11.453125" style="1" customWidth="1"/>
    <col min="9479" max="9479" width="10.453125" style="1" bestFit="1" customWidth="1"/>
    <col min="9480" max="9480" width="8.453125" style="1" customWidth="1"/>
    <col min="9481" max="9481" width="10.6328125" style="1" bestFit="1" customWidth="1"/>
    <col min="9482" max="9482" width="10.453125" style="1" bestFit="1" customWidth="1"/>
    <col min="9483" max="9488" width="12.453125" style="1" customWidth="1"/>
    <col min="9489" max="9490" width="10.6328125" style="1" customWidth="1"/>
    <col min="9491" max="9491" width="10.7265625" style="1" customWidth="1"/>
    <col min="9492" max="9492" width="10.08984375" style="1" customWidth="1"/>
    <col min="9493" max="9493" width="4.453125" style="1" bestFit="1" customWidth="1"/>
    <col min="9494" max="9728" width="9" style="1"/>
    <col min="9729" max="9729" width="4.453125" style="1" customWidth="1"/>
    <col min="9730" max="9730" width="11" style="1" customWidth="1"/>
    <col min="9731" max="9731" width="11.453125" style="1" bestFit="1" customWidth="1"/>
    <col min="9732" max="9732" width="12.6328125" style="1" customWidth="1"/>
    <col min="9733" max="9733" width="10.6328125" style="1" bestFit="1" customWidth="1"/>
    <col min="9734" max="9734" width="11.453125" style="1" customWidth="1"/>
    <col min="9735" max="9735" width="10.453125" style="1" bestFit="1" customWidth="1"/>
    <col min="9736" max="9736" width="8.453125" style="1" customWidth="1"/>
    <col min="9737" max="9737" width="10.6328125" style="1" bestFit="1" customWidth="1"/>
    <col min="9738" max="9738" width="10.453125" style="1" bestFit="1" customWidth="1"/>
    <col min="9739" max="9744" width="12.453125" style="1" customWidth="1"/>
    <col min="9745" max="9746" width="10.6328125" style="1" customWidth="1"/>
    <col min="9747" max="9747" width="10.7265625" style="1" customWidth="1"/>
    <col min="9748" max="9748" width="10.08984375" style="1" customWidth="1"/>
    <col min="9749" max="9749" width="4.453125" style="1" bestFit="1" customWidth="1"/>
    <col min="9750" max="9984" width="9" style="1"/>
    <col min="9985" max="9985" width="4.453125" style="1" customWidth="1"/>
    <col min="9986" max="9986" width="11" style="1" customWidth="1"/>
    <col min="9987" max="9987" width="11.453125" style="1" bestFit="1" customWidth="1"/>
    <col min="9988" max="9988" width="12.6328125" style="1" customWidth="1"/>
    <col min="9989" max="9989" width="10.6328125" style="1" bestFit="1" customWidth="1"/>
    <col min="9990" max="9990" width="11.453125" style="1" customWidth="1"/>
    <col min="9991" max="9991" width="10.453125" style="1" bestFit="1" customWidth="1"/>
    <col min="9992" max="9992" width="8.453125" style="1" customWidth="1"/>
    <col min="9993" max="9993" width="10.6328125" style="1" bestFit="1" customWidth="1"/>
    <col min="9994" max="9994" width="10.453125" style="1" bestFit="1" customWidth="1"/>
    <col min="9995" max="10000" width="12.453125" style="1" customWidth="1"/>
    <col min="10001" max="10002" width="10.6328125" style="1" customWidth="1"/>
    <col min="10003" max="10003" width="10.7265625" style="1" customWidth="1"/>
    <col min="10004" max="10004" width="10.08984375" style="1" customWidth="1"/>
    <col min="10005" max="10005" width="4.453125" style="1" bestFit="1" customWidth="1"/>
    <col min="10006" max="10240" width="9" style="1"/>
    <col min="10241" max="10241" width="4.453125" style="1" customWidth="1"/>
    <col min="10242" max="10242" width="11" style="1" customWidth="1"/>
    <col min="10243" max="10243" width="11.453125" style="1" bestFit="1" customWidth="1"/>
    <col min="10244" max="10244" width="12.6328125" style="1" customWidth="1"/>
    <col min="10245" max="10245" width="10.6328125" style="1" bestFit="1" customWidth="1"/>
    <col min="10246" max="10246" width="11.453125" style="1" customWidth="1"/>
    <col min="10247" max="10247" width="10.453125" style="1" bestFit="1" customWidth="1"/>
    <col min="10248" max="10248" width="8.453125" style="1" customWidth="1"/>
    <col min="10249" max="10249" width="10.6328125" style="1" bestFit="1" customWidth="1"/>
    <col min="10250" max="10250" width="10.453125" style="1" bestFit="1" customWidth="1"/>
    <col min="10251" max="10256" width="12.453125" style="1" customWidth="1"/>
    <col min="10257" max="10258" width="10.6328125" style="1" customWidth="1"/>
    <col min="10259" max="10259" width="10.7265625" style="1" customWidth="1"/>
    <col min="10260" max="10260" width="10.08984375" style="1" customWidth="1"/>
    <col min="10261" max="10261" width="4.453125" style="1" bestFit="1" customWidth="1"/>
    <col min="10262" max="10496" width="9" style="1"/>
    <col min="10497" max="10497" width="4.453125" style="1" customWidth="1"/>
    <col min="10498" max="10498" width="11" style="1" customWidth="1"/>
    <col min="10499" max="10499" width="11.453125" style="1" bestFit="1" customWidth="1"/>
    <col min="10500" max="10500" width="12.6328125" style="1" customWidth="1"/>
    <col min="10501" max="10501" width="10.6328125" style="1" bestFit="1" customWidth="1"/>
    <col min="10502" max="10502" width="11.453125" style="1" customWidth="1"/>
    <col min="10503" max="10503" width="10.453125" style="1" bestFit="1" customWidth="1"/>
    <col min="10504" max="10504" width="8.453125" style="1" customWidth="1"/>
    <col min="10505" max="10505" width="10.6328125" style="1" bestFit="1" customWidth="1"/>
    <col min="10506" max="10506" width="10.453125" style="1" bestFit="1" customWidth="1"/>
    <col min="10507" max="10512" width="12.453125" style="1" customWidth="1"/>
    <col min="10513" max="10514" width="10.6328125" style="1" customWidth="1"/>
    <col min="10515" max="10515" width="10.7265625" style="1" customWidth="1"/>
    <col min="10516" max="10516" width="10.08984375" style="1" customWidth="1"/>
    <col min="10517" max="10517" width="4.453125" style="1" bestFit="1" customWidth="1"/>
    <col min="10518" max="10752" width="9" style="1"/>
    <col min="10753" max="10753" width="4.453125" style="1" customWidth="1"/>
    <col min="10754" max="10754" width="11" style="1" customWidth="1"/>
    <col min="10755" max="10755" width="11.453125" style="1" bestFit="1" customWidth="1"/>
    <col min="10756" max="10756" width="12.6328125" style="1" customWidth="1"/>
    <col min="10757" max="10757" width="10.6328125" style="1" bestFit="1" customWidth="1"/>
    <col min="10758" max="10758" width="11.453125" style="1" customWidth="1"/>
    <col min="10759" max="10759" width="10.453125" style="1" bestFit="1" customWidth="1"/>
    <col min="10760" max="10760" width="8.453125" style="1" customWidth="1"/>
    <col min="10761" max="10761" width="10.6328125" style="1" bestFit="1" customWidth="1"/>
    <col min="10762" max="10762" width="10.453125" style="1" bestFit="1" customWidth="1"/>
    <col min="10763" max="10768" width="12.453125" style="1" customWidth="1"/>
    <col min="10769" max="10770" width="10.6328125" style="1" customWidth="1"/>
    <col min="10771" max="10771" width="10.7265625" style="1" customWidth="1"/>
    <col min="10772" max="10772" width="10.08984375" style="1" customWidth="1"/>
    <col min="10773" max="10773" width="4.453125" style="1" bestFit="1" customWidth="1"/>
    <col min="10774" max="11008" width="9" style="1"/>
    <col min="11009" max="11009" width="4.453125" style="1" customWidth="1"/>
    <col min="11010" max="11010" width="11" style="1" customWidth="1"/>
    <col min="11011" max="11011" width="11.453125" style="1" bestFit="1" customWidth="1"/>
    <col min="11012" max="11012" width="12.6328125" style="1" customWidth="1"/>
    <col min="11013" max="11013" width="10.6328125" style="1" bestFit="1" customWidth="1"/>
    <col min="11014" max="11014" width="11.453125" style="1" customWidth="1"/>
    <col min="11015" max="11015" width="10.453125" style="1" bestFit="1" customWidth="1"/>
    <col min="11016" max="11016" width="8.453125" style="1" customWidth="1"/>
    <col min="11017" max="11017" width="10.6328125" style="1" bestFit="1" customWidth="1"/>
    <col min="11018" max="11018" width="10.453125" style="1" bestFit="1" customWidth="1"/>
    <col min="11019" max="11024" width="12.453125" style="1" customWidth="1"/>
    <col min="11025" max="11026" width="10.6328125" style="1" customWidth="1"/>
    <col min="11027" max="11027" width="10.7265625" style="1" customWidth="1"/>
    <col min="11028" max="11028" width="10.08984375" style="1" customWidth="1"/>
    <col min="11029" max="11029" width="4.453125" style="1" bestFit="1" customWidth="1"/>
    <col min="11030" max="11264" width="9" style="1"/>
    <col min="11265" max="11265" width="4.453125" style="1" customWidth="1"/>
    <col min="11266" max="11266" width="11" style="1" customWidth="1"/>
    <col min="11267" max="11267" width="11.453125" style="1" bestFit="1" customWidth="1"/>
    <col min="11268" max="11268" width="12.6328125" style="1" customWidth="1"/>
    <col min="11269" max="11269" width="10.6328125" style="1" bestFit="1" customWidth="1"/>
    <col min="11270" max="11270" width="11.453125" style="1" customWidth="1"/>
    <col min="11271" max="11271" width="10.453125" style="1" bestFit="1" customWidth="1"/>
    <col min="11272" max="11272" width="8.453125" style="1" customWidth="1"/>
    <col min="11273" max="11273" width="10.6328125" style="1" bestFit="1" customWidth="1"/>
    <col min="11274" max="11274" width="10.453125" style="1" bestFit="1" customWidth="1"/>
    <col min="11275" max="11280" width="12.453125" style="1" customWidth="1"/>
    <col min="11281" max="11282" width="10.6328125" style="1" customWidth="1"/>
    <col min="11283" max="11283" width="10.7265625" style="1" customWidth="1"/>
    <col min="11284" max="11284" width="10.08984375" style="1" customWidth="1"/>
    <col min="11285" max="11285" width="4.453125" style="1" bestFit="1" customWidth="1"/>
    <col min="11286" max="11520" width="9" style="1"/>
    <col min="11521" max="11521" width="4.453125" style="1" customWidth="1"/>
    <col min="11522" max="11522" width="11" style="1" customWidth="1"/>
    <col min="11523" max="11523" width="11.453125" style="1" bestFit="1" customWidth="1"/>
    <col min="11524" max="11524" width="12.6328125" style="1" customWidth="1"/>
    <col min="11525" max="11525" width="10.6328125" style="1" bestFit="1" customWidth="1"/>
    <col min="11526" max="11526" width="11.453125" style="1" customWidth="1"/>
    <col min="11527" max="11527" width="10.453125" style="1" bestFit="1" customWidth="1"/>
    <col min="11528" max="11528" width="8.453125" style="1" customWidth="1"/>
    <col min="11529" max="11529" width="10.6328125" style="1" bestFit="1" customWidth="1"/>
    <col min="11530" max="11530" width="10.453125" style="1" bestFit="1" customWidth="1"/>
    <col min="11531" max="11536" width="12.453125" style="1" customWidth="1"/>
    <col min="11537" max="11538" width="10.6328125" style="1" customWidth="1"/>
    <col min="11539" max="11539" width="10.7265625" style="1" customWidth="1"/>
    <col min="11540" max="11540" width="10.08984375" style="1" customWidth="1"/>
    <col min="11541" max="11541" width="4.453125" style="1" bestFit="1" customWidth="1"/>
    <col min="11542" max="11776" width="9" style="1"/>
    <col min="11777" max="11777" width="4.453125" style="1" customWidth="1"/>
    <col min="11778" max="11778" width="11" style="1" customWidth="1"/>
    <col min="11779" max="11779" width="11.453125" style="1" bestFit="1" customWidth="1"/>
    <col min="11780" max="11780" width="12.6328125" style="1" customWidth="1"/>
    <col min="11781" max="11781" width="10.6328125" style="1" bestFit="1" customWidth="1"/>
    <col min="11782" max="11782" width="11.453125" style="1" customWidth="1"/>
    <col min="11783" max="11783" width="10.453125" style="1" bestFit="1" customWidth="1"/>
    <col min="11784" max="11784" width="8.453125" style="1" customWidth="1"/>
    <col min="11785" max="11785" width="10.6328125" style="1" bestFit="1" customWidth="1"/>
    <col min="11786" max="11786" width="10.453125" style="1" bestFit="1" customWidth="1"/>
    <col min="11787" max="11792" width="12.453125" style="1" customWidth="1"/>
    <col min="11793" max="11794" width="10.6328125" style="1" customWidth="1"/>
    <col min="11795" max="11795" width="10.7265625" style="1" customWidth="1"/>
    <col min="11796" max="11796" width="10.08984375" style="1" customWidth="1"/>
    <col min="11797" max="11797" width="4.453125" style="1" bestFit="1" customWidth="1"/>
    <col min="11798" max="12032" width="9" style="1"/>
    <col min="12033" max="12033" width="4.453125" style="1" customWidth="1"/>
    <col min="12034" max="12034" width="11" style="1" customWidth="1"/>
    <col min="12035" max="12035" width="11.453125" style="1" bestFit="1" customWidth="1"/>
    <col min="12036" max="12036" width="12.6328125" style="1" customWidth="1"/>
    <col min="12037" max="12037" width="10.6328125" style="1" bestFit="1" customWidth="1"/>
    <col min="12038" max="12038" width="11.453125" style="1" customWidth="1"/>
    <col min="12039" max="12039" width="10.453125" style="1" bestFit="1" customWidth="1"/>
    <col min="12040" max="12040" width="8.453125" style="1" customWidth="1"/>
    <col min="12041" max="12041" width="10.6328125" style="1" bestFit="1" customWidth="1"/>
    <col min="12042" max="12042" width="10.453125" style="1" bestFit="1" customWidth="1"/>
    <col min="12043" max="12048" width="12.453125" style="1" customWidth="1"/>
    <col min="12049" max="12050" width="10.6328125" style="1" customWidth="1"/>
    <col min="12051" max="12051" width="10.7265625" style="1" customWidth="1"/>
    <col min="12052" max="12052" width="10.08984375" style="1" customWidth="1"/>
    <col min="12053" max="12053" width="4.453125" style="1" bestFit="1" customWidth="1"/>
    <col min="12054" max="12288" width="9" style="1"/>
    <col min="12289" max="12289" width="4.453125" style="1" customWidth="1"/>
    <col min="12290" max="12290" width="11" style="1" customWidth="1"/>
    <col min="12291" max="12291" width="11.453125" style="1" bestFit="1" customWidth="1"/>
    <col min="12292" max="12292" width="12.6328125" style="1" customWidth="1"/>
    <col min="12293" max="12293" width="10.6328125" style="1" bestFit="1" customWidth="1"/>
    <col min="12294" max="12294" width="11.453125" style="1" customWidth="1"/>
    <col min="12295" max="12295" width="10.453125" style="1" bestFit="1" customWidth="1"/>
    <col min="12296" max="12296" width="8.453125" style="1" customWidth="1"/>
    <col min="12297" max="12297" width="10.6328125" style="1" bestFit="1" customWidth="1"/>
    <col min="12298" max="12298" width="10.453125" style="1" bestFit="1" customWidth="1"/>
    <col min="12299" max="12304" width="12.453125" style="1" customWidth="1"/>
    <col min="12305" max="12306" width="10.6328125" style="1" customWidth="1"/>
    <col min="12307" max="12307" width="10.7265625" style="1" customWidth="1"/>
    <col min="12308" max="12308" width="10.08984375" style="1" customWidth="1"/>
    <col min="12309" max="12309" width="4.453125" style="1" bestFit="1" customWidth="1"/>
    <col min="12310" max="12544" width="9" style="1"/>
    <col min="12545" max="12545" width="4.453125" style="1" customWidth="1"/>
    <col min="12546" max="12546" width="11" style="1" customWidth="1"/>
    <col min="12547" max="12547" width="11.453125" style="1" bestFit="1" customWidth="1"/>
    <col min="12548" max="12548" width="12.6328125" style="1" customWidth="1"/>
    <col min="12549" max="12549" width="10.6328125" style="1" bestFit="1" customWidth="1"/>
    <col min="12550" max="12550" width="11.453125" style="1" customWidth="1"/>
    <col min="12551" max="12551" width="10.453125" style="1" bestFit="1" customWidth="1"/>
    <col min="12552" max="12552" width="8.453125" style="1" customWidth="1"/>
    <col min="12553" max="12553" width="10.6328125" style="1" bestFit="1" customWidth="1"/>
    <col min="12554" max="12554" width="10.453125" style="1" bestFit="1" customWidth="1"/>
    <col min="12555" max="12560" width="12.453125" style="1" customWidth="1"/>
    <col min="12561" max="12562" width="10.6328125" style="1" customWidth="1"/>
    <col min="12563" max="12563" width="10.7265625" style="1" customWidth="1"/>
    <col min="12564" max="12564" width="10.08984375" style="1" customWidth="1"/>
    <col min="12565" max="12565" width="4.453125" style="1" bestFit="1" customWidth="1"/>
    <col min="12566" max="12800" width="9" style="1"/>
    <col min="12801" max="12801" width="4.453125" style="1" customWidth="1"/>
    <col min="12802" max="12802" width="11" style="1" customWidth="1"/>
    <col min="12803" max="12803" width="11.453125" style="1" bestFit="1" customWidth="1"/>
    <col min="12804" max="12804" width="12.6328125" style="1" customWidth="1"/>
    <col min="12805" max="12805" width="10.6328125" style="1" bestFit="1" customWidth="1"/>
    <col min="12806" max="12806" width="11.453125" style="1" customWidth="1"/>
    <col min="12807" max="12807" width="10.453125" style="1" bestFit="1" customWidth="1"/>
    <col min="12808" max="12808" width="8.453125" style="1" customWidth="1"/>
    <col min="12809" max="12809" width="10.6328125" style="1" bestFit="1" customWidth="1"/>
    <col min="12810" max="12810" width="10.453125" style="1" bestFit="1" customWidth="1"/>
    <col min="12811" max="12816" width="12.453125" style="1" customWidth="1"/>
    <col min="12817" max="12818" width="10.6328125" style="1" customWidth="1"/>
    <col min="12819" max="12819" width="10.7265625" style="1" customWidth="1"/>
    <col min="12820" max="12820" width="10.08984375" style="1" customWidth="1"/>
    <col min="12821" max="12821" width="4.453125" style="1" bestFit="1" customWidth="1"/>
    <col min="12822" max="13056" width="9" style="1"/>
    <col min="13057" max="13057" width="4.453125" style="1" customWidth="1"/>
    <col min="13058" max="13058" width="11" style="1" customWidth="1"/>
    <col min="13059" max="13059" width="11.453125" style="1" bestFit="1" customWidth="1"/>
    <col min="13060" max="13060" width="12.6328125" style="1" customWidth="1"/>
    <col min="13061" max="13061" width="10.6328125" style="1" bestFit="1" customWidth="1"/>
    <col min="13062" max="13062" width="11.453125" style="1" customWidth="1"/>
    <col min="13063" max="13063" width="10.453125" style="1" bestFit="1" customWidth="1"/>
    <col min="13064" max="13064" width="8.453125" style="1" customWidth="1"/>
    <col min="13065" max="13065" width="10.6328125" style="1" bestFit="1" customWidth="1"/>
    <col min="13066" max="13066" width="10.453125" style="1" bestFit="1" customWidth="1"/>
    <col min="13067" max="13072" width="12.453125" style="1" customWidth="1"/>
    <col min="13073" max="13074" width="10.6328125" style="1" customWidth="1"/>
    <col min="13075" max="13075" width="10.7265625" style="1" customWidth="1"/>
    <col min="13076" max="13076" width="10.08984375" style="1" customWidth="1"/>
    <col min="13077" max="13077" width="4.453125" style="1" bestFit="1" customWidth="1"/>
    <col min="13078" max="13312" width="9" style="1"/>
    <col min="13313" max="13313" width="4.453125" style="1" customWidth="1"/>
    <col min="13314" max="13314" width="11" style="1" customWidth="1"/>
    <col min="13315" max="13315" width="11.453125" style="1" bestFit="1" customWidth="1"/>
    <col min="13316" max="13316" width="12.6328125" style="1" customWidth="1"/>
    <col min="13317" max="13317" width="10.6328125" style="1" bestFit="1" customWidth="1"/>
    <col min="13318" max="13318" width="11.453125" style="1" customWidth="1"/>
    <col min="13319" max="13319" width="10.453125" style="1" bestFit="1" customWidth="1"/>
    <col min="13320" max="13320" width="8.453125" style="1" customWidth="1"/>
    <col min="13321" max="13321" width="10.6328125" style="1" bestFit="1" customWidth="1"/>
    <col min="13322" max="13322" width="10.453125" style="1" bestFit="1" customWidth="1"/>
    <col min="13323" max="13328" width="12.453125" style="1" customWidth="1"/>
    <col min="13329" max="13330" width="10.6328125" style="1" customWidth="1"/>
    <col min="13331" max="13331" width="10.7265625" style="1" customWidth="1"/>
    <col min="13332" max="13332" width="10.08984375" style="1" customWidth="1"/>
    <col min="13333" max="13333" width="4.453125" style="1" bestFit="1" customWidth="1"/>
    <col min="13334" max="13568" width="9" style="1"/>
    <col min="13569" max="13569" width="4.453125" style="1" customWidth="1"/>
    <col min="13570" max="13570" width="11" style="1" customWidth="1"/>
    <col min="13571" max="13571" width="11.453125" style="1" bestFit="1" customWidth="1"/>
    <col min="13572" max="13572" width="12.6328125" style="1" customWidth="1"/>
    <col min="13573" max="13573" width="10.6328125" style="1" bestFit="1" customWidth="1"/>
    <col min="13574" max="13574" width="11.453125" style="1" customWidth="1"/>
    <col min="13575" max="13575" width="10.453125" style="1" bestFit="1" customWidth="1"/>
    <col min="13576" max="13576" width="8.453125" style="1" customWidth="1"/>
    <col min="13577" max="13577" width="10.6328125" style="1" bestFit="1" customWidth="1"/>
    <col min="13578" max="13578" width="10.453125" style="1" bestFit="1" customWidth="1"/>
    <col min="13579" max="13584" width="12.453125" style="1" customWidth="1"/>
    <col min="13585" max="13586" width="10.6328125" style="1" customWidth="1"/>
    <col min="13587" max="13587" width="10.7265625" style="1" customWidth="1"/>
    <col min="13588" max="13588" width="10.08984375" style="1" customWidth="1"/>
    <col min="13589" max="13589" width="4.453125" style="1" bestFit="1" customWidth="1"/>
    <col min="13590" max="13824" width="9" style="1"/>
    <col min="13825" max="13825" width="4.453125" style="1" customWidth="1"/>
    <col min="13826" max="13826" width="11" style="1" customWidth="1"/>
    <col min="13827" max="13827" width="11.453125" style="1" bestFit="1" customWidth="1"/>
    <col min="13828" max="13828" width="12.6328125" style="1" customWidth="1"/>
    <col min="13829" max="13829" width="10.6328125" style="1" bestFit="1" customWidth="1"/>
    <col min="13830" max="13830" width="11.453125" style="1" customWidth="1"/>
    <col min="13831" max="13831" width="10.453125" style="1" bestFit="1" customWidth="1"/>
    <col min="13832" max="13832" width="8.453125" style="1" customWidth="1"/>
    <col min="13833" max="13833" width="10.6328125" style="1" bestFit="1" customWidth="1"/>
    <col min="13834" max="13834" width="10.453125" style="1" bestFit="1" customWidth="1"/>
    <col min="13835" max="13840" width="12.453125" style="1" customWidth="1"/>
    <col min="13841" max="13842" width="10.6328125" style="1" customWidth="1"/>
    <col min="13843" max="13843" width="10.7265625" style="1" customWidth="1"/>
    <col min="13844" max="13844" width="10.08984375" style="1" customWidth="1"/>
    <col min="13845" max="13845" width="4.453125" style="1" bestFit="1" customWidth="1"/>
    <col min="13846" max="14080" width="9" style="1"/>
    <col min="14081" max="14081" width="4.453125" style="1" customWidth="1"/>
    <col min="14082" max="14082" width="11" style="1" customWidth="1"/>
    <col min="14083" max="14083" width="11.453125" style="1" bestFit="1" customWidth="1"/>
    <col min="14084" max="14084" width="12.6328125" style="1" customWidth="1"/>
    <col min="14085" max="14085" width="10.6328125" style="1" bestFit="1" customWidth="1"/>
    <col min="14086" max="14086" width="11.453125" style="1" customWidth="1"/>
    <col min="14087" max="14087" width="10.453125" style="1" bestFit="1" customWidth="1"/>
    <col min="14088" max="14088" width="8.453125" style="1" customWidth="1"/>
    <col min="14089" max="14089" width="10.6328125" style="1" bestFit="1" customWidth="1"/>
    <col min="14090" max="14090" width="10.453125" style="1" bestFit="1" customWidth="1"/>
    <col min="14091" max="14096" width="12.453125" style="1" customWidth="1"/>
    <col min="14097" max="14098" width="10.6328125" style="1" customWidth="1"/>
    <col min="14099" max="14099" width="10.7265625" style="1" customWidth="1"/>
    <col min="14100" max="14100" width="10.08984375" style="1" customWidth="1"/>
    <col min="14101" max="14101" width="4.453125" style="1" bestFit="1" customWidth="1"/>
    <col min="14102" max="14336" width="9" style="1"/>
    <col min="14337" max="14337" width="4.453125" style="1" customWidth="1"/>
    <col min="14338" max="14338" width="11" style="1" customWidth="1"/>
    <col min="14339" max="14339" width="11.453125" style="1" bestFit="1" customWidth="1"/>
    <col min="14340" max="14340" width="12.6328125" style="1" customWidth="1"/>
    <col min="14341" max="14341" width="10.6328125" style="1" bestFit="1" customWidth="1"/>
    <col min="14342" max="14342" width="11.453125" style="1" customWidth="1"/>
    <col min="14343" max="14343" width="10.453125" style="1" bestFit="1" customWidth="1"/>
    <col min="14344" max="14344" width="8.453125" style="1" customWidth="1"/>
    <col min="14345" max="14345" width="10.6328125" style="1" bestFit="1" customWidth="1"/>
    <col min="14346" max="14346" width="10.453125" style="1" bestFit="1" customWidth="1"/>
    <col min="14347" max="14352" width="12.453125" style="1" customWidth="1"/>
    <col min="14353" max="14354" width="10.6328125" style="1" customWidth="1"/>
    <col min="14355" max="14355" width="10.7265625" style="1" customWidth="1"/>
    <col min="14356" max="14356" width="10.08984375" style="1" customWidth="1"/>
    <col min="14357" max="14357" width="4.453125" style="1" bestFit="1" customWidth="1"/>
    <col min="14358" max="14592" width="9" style="1"/>
    <col min="14593" max="14593" width="4.453125" style="1" customWidth="1"/>
    <col min="14594" max="14594" width="11" style="1" customWidth="1"/>
    <col min="14595" max="14595" width="11.453125" style="1" bestFit="1" customWidth="1"/>
    <col min="14596" max="14596" width="12.6328125" style="1" customWidth="1"/>
    <col min="14597" max="14597" width="10.6328125" style="1" bestFit="1" customWidth="1"/>
    <col min="14598" max="14598" width="11.453125" style="1" customWidth="1"/>
    <col min="14599" max="14599" width="10.453125" style="1" bestFit="1" customWidth="1"/>
    <col min="14600" max="14600" width="8.453125" style="1" customWidth="1"/>
    <col min="14601" max="14601" width="10.6328125" style="1" bestFit="1" customWidth="1"/>
    <col min="14602" max="14602" width="10.453125" style="1" bestFit="1" customWidth="1"/>
    <col min="14603" max="14608" width="12.453125" style="1" customWidth="1"/>
    <col min="14609" max="14610" width="10.6328125" style="1" customWidth="1"/>
    <col min="14611" max="14611" width="10.7265625" style="1" customWidth="1"/>
    <col min="14612" max="14612" width="10.08984375" style="1" customWidth="1"/>
    <col min="14613" max="14613" width="4.453125" style="1" bestFit="1" customWidth="1"/>
    <col min="14614" max="14848" width="9" style="1"/>
    <col min="14849" max="14849" width="4.453125" style="1" customWidth="1"/>
    <col min="14850" max="14850" width="11" style="1" customWidth="1"/>
    <col min="14851" max="14851" width="11.453125" style="1" bestFit="1" customWidth="1"/>
    <col min="14852" max="14852" width="12.6328125" style="1" customWidth="1"/>
    <col min="14853" max="14853" width="10.6328125" style="1" bestFit="1" customWidth="1"/>
    <col min="14854" max="14854" width="11.453125" style="1" customWidth="1"/>
    <col min="14855" max="14855" width="10.453125" style="1" bestFit="1" customWidth="1"/>
    <col min="14856" max="14856" width="8.453125" style="1" customWidth="1"/>
    <col min="14857" max="14857" width="10.6328125" style="1" bestFit="1" customWidth="1"/>
    <col min="14858" max="14858" width="10.453125" style="1" bestFit="1" customWidth="1"/>
    <col min="14859" max="14864" width="12.453125" style="1" customWidth="1"/>
    <col min="14865" max="14866" width="10.6328125" style="1" customWidth="1"/>
    <col min="14867" max="14867" width="10.7265625" style="1" customWidth="1"/>
    <col min="14868" max="14868" width="10.08984375" style="1" customWidth="1"/>
    <col min="14869" max="14869" width="4.453125" style="1" bestFit="1" customWidth="1"/>
    <col min="14870" max="15104" width="9" style="1"/>
    <col min="15105" max="15105" width="4.453125" style="1" customWidth="1"/>
    <col min="15106" max="15106" width="11" style="1" customWidth="1"/>
    <col min="15107" max="15107" width="11.453125" style="1" bestFit="1" customWidth="1"/>
    <col min="15108" max="15108" width="12.6328125" style="1" customWidth="1"/>
    <col min="15109" max="15109" width="10.6328125" style="1" bestFit="1" customWidth="1"/>
    <col min="15110" max="15110" width="11.453125" style="1" customWidth="1"/>
    <col min="15111" max="15111" width="10.453125" style="1" bestFit="1" customWidth="1"/>
    <col min="15112" max="15112" width="8.453125" style="1" customWidth="1"/>
    <col min="15113" max="15113" width="10.6328125" style="1" bestFit="1" customWidth="1"/>
    <col min="15114" max="15114" width="10.453125" style="1" bestFit="1" customWidth="1"/>
    <col min="15115" max="15120" width="12.453125" style="1" customWidth="1"/>
    <col min="15121" max="15122" width="10.6328125" style="1" customWidth="1"/>
    <col min="15123" max="15123" width="10.7265625" style="1" customWidth="1"/>
    <col min="15124" max="15124" width="10.08984375" style="1" customWidth="1"/>
    <col min="15125" max="15125" width="4.453125" style="1" bestFit="1" customWidth="1"/>
    <col min="15126" max="15360" width="9" style="1"/>
    <col min="15361" max="15361" width="4.453125" style="1" customWidth="1"/>
    <col min="15362" max="15362" width="11" style="1" customWidth="1"/>
    <col min="15363" max="15363" width="11.453125" style="1" bestFit="1" customWidth="1"/>
    <col min="15364" max="15364" width="12.6328125" style="1" customWidth="1"/>
    <col min="15365" max="15365" width="10.6328125" style="1" bestFit="1" customWidth="1"/>
    <col min="15366" max="15366" width="11.453125" style="1" customWidth="1"/>
    <col min="15367" max="15367" width="10.453125" style="1" bestFit="1" customWidth="1"/>
    <col min="15368" max="15368" width="8.453125" style="1" customWidth="1"/>
    <col min="15369" max="15369" width="10.6328125" style="1" bestFit="1" customWidth="1"/>
    <col min="15370" max="15370" width="10.453125" style="1" bestFit="1" customWidth="1"/>
    <col min="15371" max="15376" width="12.453125" style="1" customWidth="1"/>
    <col min="15377" max="15378" width="10.6328125" style="1" customWidth="1"/>
    <col min="15379" max="15379" width="10.7265625" style="1" customWidth="1"/>
    <col min="15380" max="15380" width="10.08984375" style="1" customWidth="1"/>
    <col min="15381" max="15381" width="4.453125" style="1" bestFit="1" customWidth="1"/>
    <col min="15382" max="15616" width="9" style="1"/>
    <col min="15617" max="15617" width="4.453125" style="1" customWidth="1"/>
    <col min="15618" max="15618" width="11" style="1" customWidth="1"/>
    <col min="15619" max="15619" width="11.453125" style="1" bestFit="1" customWidth="1"/>
    <col min="15620" max="15620" width="12.6328125" style="1" customWidth="1"/>
    <col min="15621" max="15621" width="10.6328125" style="1" bestFit="1" customWidth="1"/>
    <col min="15622" max="15622" width="11.453125" style="1" customWidth="1"/>
    <col min="15623" max="15623" width="10.453125" style="1" bestFit="1" customWidth="1"/>
    <col min="15624" max="15624" width="8.453125" style="1" customWidth="1"/>
    <col min="15625" max="15625" width="10.6328125" style="1" bestFit="1" customWidth="1"/>
    <col min="15626" max="15626" width="10.453125" style="1" bestFit="1" customWidth="1"/>
    <col min="15627" max="15632" width="12.453125" style="1" customWidth="1"/>
    <col min="15633" max="15634" width="10.6328125" style="1" customWidth="1"/>
    <col min="15635" max="15635" width="10.7265625" style="1" customWidth="1"/>
    <col min="15636" max="15636" width="10.08984375" style="1" customWidth="1"/>
    <col min="15637" max="15637" width="4.453125" style="1" bestFit="1" customWidth="1"/>
    <col min="15638" max="15872" width="9" style="1"/>
    <col min="15873" max="15873" width="4.453125" style="1" customWidth="1"/>
    <col min="15874" max="15874" width="11" style="1" customWidth="1"/>
    <col min="15875" max="15875" width="11.453125" style="1" bestFit="1" customWidth="1"/>
    <col min="15876" max="15876" width="12.6328125" style="1" customWidth="1"/>
    <col min="15877" max="15877" width="10.6328125" style="1" bestFit="1" customWidth="1"/>
    <col min="15878" max="15878" width="11.453125" style="1" customWidth="1"/>
    <col min="15879" max="15879" width="10.453125" style="1" bestFit="1" customWidth="1"/>
    <col min="15880" max="15880" width="8.453125" style="1" customWidth="1"/>
    <col min="15881" max="15881" width="10.6328125" style="1" bestFit="1" customWidth="1"/>
    <col min="15882" max="15882" width="10.453125" style="1" bestFit="1" customWidth="1"/>
    <col min="15883" max="15888" width="12.453125" style="1" customWidth="1"/>
    <col min="15889" max="15890" width="10.6328125" style="1" customWidth="1"/>
    <col min="15891" max="15891" width="10.7265625" style="1" customWidth="1"/>
    <col min="15892" max="15892" width="10.08984375" style="1" customWidth="1"/>
    <col min="15893" max="15893" width="4.453125" style="1" bestFit="1" customWidth="1"/>
    <col min="15894" max="16128" width="9" style="1"/>
    <col min="16129" max="16129" width="4.453125" style="1" customWidth="1"/>
    <col min="16130" max="16130" width="11" style="1" customWidth="1"/>
    <col min="16131" max="16131" width="11.453125" style="1" bestFit="1" customWidth="1"/>
    <col min="16132" max="16132" width="12.6328125" style="1" customWidth="1"/>
    <col min="16133" max="16133" width="10.6328125" style="1" bestFit="1" customWidth="1"/>
    <col min="16134" max="16134" width="11.453125" style="1" customWidth="1"/>
    <col min="16135" max="16135" width="10.453125" style="1" bestFit="1" customWidth="1"/>
    <col min="16136" max="16136" width="8.453125" style="1" customWidth="1"/>
    <col min="16137" max="16137" width="10.6328125" style="1" bestFit="1" customWidth="1"/>
    <col min="16138" max="16138" width="10.453125" style="1" bestFit="1" customWidth="1"/>
    <col min="16139" max="16144" width="12.453125" style="1" customWidth="1"/>
    <col min="16145" max="16146" width="10.6328125" style="1" customWidth="1"/>
    <col min="16147" max="16147" width="10.7265625" style="1" customWidth="1"/>
    <col min="16148" max="16148" width="10.08984375" style="1" customWidth="1"/>
    <col min="16149" max="16149" width="4.453125" style="1" bestFit="1" customWidth="1"/>
    <col min="16150" max="16384" width="9" style="1"/>
  </cols>
  <sheetData>
    <row r="1" spans="1:22" ht="15" hidden="1" customHeight="1">
      <c r="A1" s="1" t="s">
        <v>0</v>
      </c>
    </row>
    <row r="2" spans="1:22" ht="15" hidden="1" customHeight="1">
      <c r="C2" s="2" t="s">
        <v>1</v>
      </c>
      <c r="D2" s="3"/>
      <c r="E2" s="3"/>
      <c r="F2" s="3"/>
      <c r="G2" s="3"/>
      <c r="H2" s="3"/>
      <c r="I2" s="3"/>
      <c r="J2" s="3"/>
      <c r="K2" s="3"/>
      <c r="L2" s="3"/>
      <c r="M2" s="3"/>
      <c r="N2" s="4"/>
      <c r="O2" s="2" t="s">
        <v>2</v>
      </c>
      <c r="P2" s="3"/>
      <c r="Q2" s="3"/>
      <c r="R2" s="3"/>
      <c r="S2" s="3"/>
      <c r="T2" s="4"/>
    </row>
    <row r="3" spans="1:22" ht="15" hidden="1" customHeight="1">
      <c r="C3" s="2" t="s">
        <v>3</v>
      </c>
      <c r="D3" s="3"/>
      <c r="E3" s="3"/>
      <c r="F3" s="4"/>
      <c r="G3" s="2" t="s">
        <v>4</v>
      </c>
      <c r="H3" s="3"/>
      <c r="I3" s="3"/>
      <c r="J3" s="4"/>
      <c r="K3" s="2" t="s">
        <v>5</v>
      </c>
      <c r="L3" s="3"/>
      <c r="M3" s="3"/>
      <c r="N3" s="4"/>
      <c r="O3" s="2" t="s">
        <v>6</v>
      </c>
      <c r="P3" s="3"/>
      <c r="Q3" s="3"/>
      <c r="R3" s="3"/>
      <c r="S3" s="3"/>
      <c r="T3" s="4"/>
    </row>
    <row r="4" spans="1:22" ht="30" hidden="1" customHeight="1">
      <c r="C4" s="5" t="s">
        <v>7</v>
      </c>
      <c r="D4" s="5" t="s">
        <v>8</v>
      </c>
      <c r="E4" s="5" t="s">
        <v>9</v>
      </c>
      <c r="F4" s="5" t="s">
        <v>10</v>
      </c>
      <c r="G4" s="5" t="s">
        <v>7</v>
      </c>
      <c r="H4" s="5" t="s">
        <v>8</v>
      </c>
      <c r="I4" s="5" t="s">
        <v>9</v>
      </c>
      <c r="J4" s="5" t="s">
        <v>10</v>
      </c>
      <c r="K4" s="5" t="s">
        <v>7</v>
      </c>
      <c r="L4" s="5" t="s">
        <v>8</v>
      </c>
      <c r="M4" s="5" t="s">
        <v>9</v>
      </c>
      <c r="N4" s="5" t="s">
        <v>10</v>
      </c>
      <c r="O4" s="5" t="s">
        <v>11</v>
      </c>
      <c r="P4" s="5" t="s">
        <v>12</v>
      </c>
      <c r="Q4" s="5" t="s">
        <v>13</v>
      </c>
      <c r="R4" s="6" t="s">
        <v>14</v>
      </c>
      <c r="S4" s="5" t="s">
        <v>15</v>
      </c>
      <c r="T4" s="5" t="s">
        <v>5</v>
      </c>
    </row>
    <row r="5" spans="1:22" ht="15" hidden="1" customHeight="1">
      <c r="A5" s="7"/>
      <c r="B5" s="7"/>
      <c r="C5" s="8" t="s">
        <v>16</v>
      </c>
      <c r="D5" s="8" t="s">
        <v>17</v>
      </c>
      <c r="E5" s="8" t="s">
        <v>18</v>
      </c>
      <c r="F5" s="8" t="s">
        <v>19</v>
      </c>
      <c r="G5" s="8" t="s">
        <v>20</v>
      </c>
      <c r="H5" s="8" t="s">
        <v>21</v>
      </c>
      <c r="I5" s="8" t="s">
        <v>22</v>
      </c>
      <c r="J5" s="8" t="s">
        <v>23</v>
      </c>
      <c r="K5" s="8" t="s">
        <v>24</v>
      </c>
      <c r="L5" s="8" t="s">
        <v>25</v>
      </c>
      <c r="M5" s="8" t="s">
        <v>26</v>
      </c>
      <c r="N5" s="8" t="s">
        <v>27</v>
      </c>
      <c r="O5" s="8" t="s">
        <v>28</v>
      </c>
      <c r="P5" s="8" t="s">
        <v>29</v>
      </c>
      <c r="Q5" s="8" t="s">
        <v>30</v>
      </c>
      <c r="R5" s="9" t="s">
        <v>31</v>
      </c>
      <c r="S5" s="8" t="s">
        <v>32</v>
      </c>
      <c r="T5" s="8"/>
      <c r="U5" s="10"/>
      <c r="V5" s="11"/>
    </row>
    <row r="6" spans="1:22" ht="15" hidden="1" customHeight="1">
      <c r="A6" s="12"/>
      <c r="B6" s="12"/>
      <c r="C6" s="13"/>
      <c r="D6" s="13"/>
      <c r="E6" s="13"/>
      <c r="F6" s="13"/>
      <c r="G6" s="13"/>
      <c r="H6" s="13"/>
      <c r="I6" s="13"/>
      <c r="J6" s="13"/>
      <c r="K6" s="13"/>
      <c r="L6" s="13"/>
      <c r="M6" s="13"/>
      <c r="N6" s="13"/>
      <c r="O6" s="13"/>
      <c r="P6" s="13"/>
      <c r="Q6" s="13"/>
      <c r="R6" s="13"/>
      <c r="S6" s="13"/>
      <c r="T6" s="13"/>
      <c r="U6" s="11"/>
      <c r="V6" s="11"/>
    </row>
    <row r="7" spans="1:22" ht="15" customHeight="1" thickBot="1">
      <c r="A7" s="1" t="s">
        <v>33</v>
      </c>
    </row>
    <row r="8" spans="1:22" ht="15" customHeight="1">
      <c r="A8" s="14" t="s">
        <v>34</v>
      </c>
      <c r="B8" s="15" t="s">
        <v>35</v>
      </c>
      <c r="C8" s="2" t="s">
        <v>1</v>
      </c>
      <c r="D8" s="3"/>
      <c r="E8" s="3"/>
      <c r="F8" s="3"/>
      <c r="G8" s="3"/>
      <c r="H8" s="3"/>
      <c r="I8" s="3"/>
      <c r="J8" s="3"/>
      <c r="K8" s="3"/>
      <c r="L8" s="3"/>
      <c r="M8" s="3"/>
      <c r="N8" s="4"/>
      <c r="O8" s="2" t="s">
        <v>2</v>
      </c>
      <c r="P8" s="3"/>
      <c r="Q8" s="3"/>
      <c r="R8" s="3"/>
      <c r="S8" s="3"/>
      <c r="T8" s="4"/>
      <c r="U8" s="16" t="s">
        <v>34</v>
      </c>
    </row>
    <row r="9" spans="1:22" ht="15" customHeight="1">
      <c r="A9" s="17"/>
      <c r="B9" s="18"/>
      <c r="C9" s="2" t="s">
        <v>3</v>
      </c>
      <c r="D9" s="3"/>
      <c r="E9" s="3"/>
      <c r="F9" s="4"/>
      <c r="G9" s="2" t="s">
        <v>4</v>
      </c>
      <c r="H9" s="3"/>
      <c r="I9" s="3"/>
      <c r="J9" s="4"/>
      <c r="K9" s="2" t="s">
        <v>5</v>
      </c>
      <c r="L9" s="3"/>
      <c r="M9" s="3"/>
      <c r="N9" s="4"/>
      <c r="O9" s="2" t="s">
        <v>6</v>
      </c>
      <c r="P9" s="3"/>
      <c r="Q9" s="3"/>
      <c r="R9" s="3"/>
      <c r="S9" s="3"/>
      <c r="T9" s="4"/>
      <c r="U9" s="19"/>
    </row>
    <row r="10" spans="1:22" ht="30" customHeight="1">
      <c r="A10" s="20"/>
      <c r="B10" s="21"/>
      <c r="C10" s="5" t="s">
        <v>7</v>
      </c>
      <c r="D10" s="5" t="s">
        <v>8</v>
      </c>
      <c r="E10" s="5" t="s">
        <v>9</v>
      </c>
      <c r="F10" s="5" t="s">
        <v>10</v>
      </c>
      <c r="G10" s="5" t="s">
        <v>7</v>
      </c>
      <c r="H10" s="5" t="s">
        <v>8</v>
      </c>
      <c r="I10" s="5" t="s">
        <v>9</v>
      </c>
      <c r="J10" s="5" t="s">
        <v>10</v>
      </c>
      <c r="K10" s="5" t="s">
        <v>7</v>
      </c>
      <c r="L10" s="5" t="s">
        <v>8</v>
      </c>
      <c r="M10" s="5" t="s">
        <v>9</v>
      </c>
      <c r="N10" s="5" t="s">
        <v>10</v>
      </c>
      <c r="O10" s="5" t="s">
        <v>11</v>
      </c>
      <c r="P10" s="5" t="s">
        <v>12</v>
      </c>
      <c r="Q10" s="5" t="s">
        <v>13</v>
      </c>
      <c r="R10" s="40" t="s">
        <v>14</v>
      </c>
      <c r="S10" s="5" t="s">
        <v>15</v>
      </c>
      <c r="T10" s="5" t="s">
        <v>5</v>
      </c>
      <c r="U10" s="22"/>
    </row>
    <row r="11" spans="1:22" ht="15" customHeight="1">
      <c r="A11" s="23"/>
      <c r="B11" s="24"/>
      <c r="C11" s="25" t="s">
        <v>36</v>
      </c>
      <c r="D11" s="25" t="s">
        <v>36</v>
      </c>
      <c r="E11" s="25" t="s">
        <v>36</v>
      </c>
      <c r="F11" s="25" t="s">
        <v>36</v>
      </c>
      <c r="G11" s="25" t="s">
        <v>36</v>
      </c>
      <c r="H11" s="25" t="s">
        <v>36</v>
      </c>
      <c r="I11" s="25" t="s">
        <v>36</v>
      </c>
      <c r="J11" s="25" t="s">
        <v>36</v>
      </c>
      <c r="K11" s="25" t="s">
        <v>36</v>
      </c>
      <c r="L11" s="25" t="s">
        <v>36</v>
      </c>
      <c r="M11" s="25" t="s">
        <v>36</v>
      </c>
      <c r="N11" s="25" t="s">
        <v>36</v>
      </c>
      <c r="O11" s="25" t="s">
        <v>36</v>
      </c>
      <c r="P11" s="25" t="s">
        <v>36</v>
      </c>
      <c r="Q11" s="25" t="s">
        <v>36</v>
      </c>
      <c r="R11" s="25" t="s">
        <v>36</v>
      </c>
      <c r="S11" s="25" t="s">
        <v>36</v>
      </c>
      <c r="T11" s="25" t="s">
        <v>36</v>
      </c>
      <c r="U11" s="26"/>
      <c r="V11" s="11"/>
    </row>
    <row r="12" spans="1:22" ht="15" hidden="1" customHeight="1">
      <c r="A12" s="27"/>
      <c r="B12" s="28" t="s">
        <v>37</v>
      </c>
      <c r="C12" s="29">
        <v>4872491</v>
      </c>
      <c r="D12" s="29">
        <v>4814524</v>
      </c>
      <c r="E12" s="29">
        <v>0</v>
      </c>
      <c r="F12" s="29">
        <v>57967</v>
      </c>
      <c r="G12" s="29">
        <v>133098</v>
      </c>
      <c r="H12" s="29">
        <v>43618</v>
      </c>
      <c r="I12" s="29">
        <v>12361</v>
      </c>
      <c r="J12" s="29">
        <v>77118</v>
      </c>
      <c r="K12" s="29">
        <v>5005589</v>
      </c>
      <c r="L12" s="29">
        <v>4858142</v>
      </c>
      <c r="M12" s="29">
        <v>12361</v>
      </c>
      <c r="N12" s="29">
        <v>135085</v>
      </c>
      <c r="O12" s="29">
        <v>22404</v>
      </c>
      <c r="P12" s="29">
        <v>0</v>
      </c>
      <c r="Q12" s="29">
        <v>737</v>
      </c>
      <c r="R12" s="29" t="s">
        <v>38</v>
      </c>
      <c r="S12" s="29">
        <v>0</v>
      </c>
      <c r="T12" s="29">
        <v>23141</v>
      </c>
      <c r="U12" s="30"/>
      <c r="V12" s="11"/>
    </row>
    <row r="13" spans="1:22" ht="15" hidden="1" customHeight="1">
      <c r="A13" s="27"/>
      <c r="B13" s="28" t="s">
        <v>39</v>
      </c>
      <c r="C13" s="29">
        <v>5474952</v>
      </c>
      <c r="D13" s="29">
        <v>5402525</v>
      </c>
      <c r="E13" s="29">
        <v>0</v>
      </c>
      <c r="F13" s="29">
        <v>72427</v>
      </c>
      <c r="G13" s="29">
        <v>135012</v>
      </c>
      <c r="H13" s="29">
        <v>47708</v>
      </c>
      <c r="I13" s="29">
        <v>13869</v>
      </c>
      <c r="J13" s="29">
        <v>73435</v>
      </c>
      <c r="K13" s="29">
        <v>5609964</v>
      </c>
      <c r="L13" s="29">
        <v>5450233</v>
      </c>
      <c r="M13" s="29">
        <v>13869</v>
      </c>
      <c r="N13" s="29">
        <v>145862</v>
      </c>
      <c r="O13" s="29">
        <v>15761</v>
      </c>
      <c r="P13" s="29">
        <v>150</v>
      </c>
      <c r="Q13" s="29">
        <v>13</v>
      </c>
      <c r="R13" s="29" t="s">
        <v>38</v>
      </c>
      <c r="S13" s="29">
        <v>0</v>
      </c>
      <c r="T13" s="29">
        <v>15924</v>
      </c>
      <c r="U13" s="30"/>
      <c r="V13" s="11"/>
    </row>
    <row r="14" spans="1:22" ht="15" hidden="1" customHeight="1">
      <c r="A14" s="27"/>
      <c r="B14" s="28" t="s">
        <v>40</v>
      </c>
      <c r="C14" s="29">
        <v>1573361</v>
      </c>
      <c r="D14" s="29">
        <v>1540605</v>
      </c>
      <c r="E14" s="29">
        <v>0</v>
      </c>
      <c r="F14" s="29">
        <v>32755</v>
      </c>
      <c r="G14" s="29">
        <v>145064</v>
      </c>
      <c r="H14" s="29">
        <v>48077</v>
      </c>
      <c r="I14" s="29">
        <v>14064</v>
      </c>
      <c r="J14" s="29">
        <v>82923</v>
      </c>
      <c r="K14" s="29">
        <v>1718424</v>
      </c>
      <c r="L14" s="29">
        <v>1588682</v>
      </c>
      <c r="M14" s="29">
        <v>14064</v>
      </c>
      <c r="N14" s="29">
        <v>115678</v>
      </c>
      <c r="O14" s="29">
        <v>6713</v>
      </c>
      <c r="P14" s="29">
        <v>0</v>
      </c>
      <c r="Q14" s="29">
        <v>140</v>
      </c>
      <c r="R14" s="29">
        <v>0</v>
      </c>
      <c r="S14" s="29">
        <v>0</v>
      </c>
      <c r="T14" s="29">
        <v>6853</v>
      </c>
      <c r="U14" s="30"/>
      <c r="V14" s="11"/>
    </row>
    <row r="15" spans="1:22" ht="15" hidden="1" customHeight="1">
      <c r="A15" s="27"/>
      <c r="B15" s="28" t="s">
        <v>41</v>
      </c>
      <c r="C15" s="29">
        <v>1615904</v>
      </c>
      <c r="D15" s="29">
        <v>1578497</v>
      </c>
      <c r="E15" s="29">
        <v>3</v>
      </c>
      <c r="F15" s="29">
        <v>37404</v>
      </c>
      <c r="G15" s="29">
        <v>121971</v>
      </c>
      <c r="H15" s="29">
        <v>41758</v>
      </c>
      <c r="I15" s="29">
        <v>10967</v>
      </c>
      <c r="J15" s="29">
        <v>69246</v>
      </c>
      <c r="K15" s="29">
        <v>1737875</v>
      </c>
      <c r="L15" s="29">
        <v>1620256</v>
      </c>
      <c r="M15" s="29">
        <v>10970</v>
      </c>
      <c r="N15" s="29">
        <v>106650</v>
      </c>
      <c r="O15" s="29">
        <v>5095</v>
      </c>
      <c r="P15" s="29">
        <v>24</v>
      </c>
      <c r="Q15" s="29">
        <v>80</v>
      </c>
      <c r="R15" s="29">
        <v>0</v>
      </c>
      <c r="S15" s="29">
        <v>0</v>
      </c>
      <c r="T15" s="29">
        <v>5199</v>
      </c>
      <c r="U15" s="30"/>
      <c r="V15" s="11"/>
    </row>
    <row r="16" spans="1:22" ht="15" hidden="1" customHeight="1">
      <c r="A16" s="27"/>
      <c r="B16" s="28" t="s">
        <v>42</v>
      </c>
      <c r="C16" s="29">
        <v>1744391</v>
      </c>
      <c r="D16" s="29">
        <v>1703900</v>
      </c>
      <c r="E16" s="29">
        <v>0</v>
      </c>
      <c r="F16" s="29">
        <v>40491</v>
      </c>
      <c r="G16" s="29">
        <v>105550</v>
      </c>
      <c r="H16" s="29">
        <v>31875</v>
      </c>
      <c r="I16" s="29">
        <v>11130</v>
      </c>
      <c r="J16" s="29">
        <v>62545</v>
      </c>
      <c r="K16" s="29">
        <v>1849942</v>
      </c>
      <c r="L16" s="29">
        <v>1735776</v>
      </c>
      <c r="M16" s="29">
        <v>11130</v>
      </c>
      <c r="N16" s="29">
        <v>103036</v>
      </c>
      <c r="O16" s="29">
        <v>4801</v>
      </c>
      <c r="P16" s="29">
        <v>0</v>
      </c>
      <c r="Q16" s="29">
        <v>354</v>
      </c>
      <c r="R16" s="29">
        <v>0</v>
      </c>
      <c r="S16" s="29">
        <v>0</v>
      </c>
      <c r="T16" s="29">
        <v>5155</v>
      </c>
      <c r="U16" s="30"/>
      <c r="V16" s="11"/>
    </row>
    <row r="17" spans="1:22" ht="15" hidden="1" customHeight="1">
      <c r="A17" s="27"/>
      <c r="B17" s="28" t="s">
        <v>43</v>
      </c>
      <c r="C17" s="29">
        <v>1943564</v>
      </c>
      <c r="D17" s="29">
        <v>1899481</v>
      </c>
      <c r="E17" s="29">
        <v>26</v>
      </c>
      <c r="F17" s="29">
        <v>44058</v>
      </c>
      <c r="G17" s="29">
        <v>101793</v>
      </c>
      <c r="H17" s="29">
        <v>32764</v>
      </c>
      <c r="I17" s="29">
        <v>14696</v>
      </c>
      <c r="J17" s="29">
        <v>54333</v>
      </c>
      <c r="K17" s="29">
        <v>2045357</v>
      </c>
      <c r="L17" s="29">
        <v>1932245</v>
      </c>
      <c r="M17" s="29">
        <v>14722</v>
      </c>
      <c r="N17" s="29">
        <v>98391</v>
      </c>
      <c r="O17" s="29">
        <v>4103</v>
      </c>
      <c r="P17" s="29">
        <v>0</v>
      </c>
      <c r="Q17" s="29">
        <v>142</v>
      </c>
      <c r="R17" s="29">
        <v>0</v>
      </c>
      <c r="S17" s="29">
        <v>0</v>
      </c>
      <c r="T17" s="29">
        <v>4245</v>
      </c>
      <c r="U17" s="30"/>
      <c r="V17" s="11"/>
    </row>
    <row r="18" spans="1:22" ht="15" hidden="1" customHeight="1">
      <c r="A18" s="27"/>
      <c r="B18" s="28" t="s">
        <v>44</v>
      </c>
      <c r="C18" s="29">
        <v>1885977</v>
      </c>
      <c r="D18" s="29">
        <v>1840254</v>
      </c>
      <c r="E18" s="29">
        <v>0</v>
      </c>
      <c r="F18" s="29">
        <v>45724</v>
      </c>
      <c r="G18" s="29">
        <v>102853</v>
      </c>
      <c r="H18" s="29">
        <v>34333</v>
      </c>
      <c r="I18" s="29">
        <v>9754</v>
      </c>
      <c r="J18" s="29">
        <v>58767</v>
      </c>
      <c r="K18" s="29">
        <v>1988831</v>
      </c>
      <c r="L18" s="29">
        <v>1874586</v>
      </c>
      <c r="M18" s="29">
        <v>9754</v>
      </c>
      <c r="N18" s="29">
        <v>104491</v>
      </c>
      <c r="O18" s="29">
        <v>1795</v>
      </c>
      <c r="P18" s="29">
        <v>8</v>
      </c>
      <c r="Q18" s="29">
        <v>18</v>
      </c>
      <c r="R18" s="29">
        <v>0</v>
      </c>
      <c r="S18" s="29">
        <v>0</v>
      </c>
      <c r="T18" s="29">
        <v>1821</v>
      </c>
      <c r="U18" s="30"/>
      <c r="V18" s="11"/>
    </row>
    <row r="19" spans="1:22" ht="15" hidden="1" customHeight="1">
      <c r="A19" s="27"/>
      <c r="B19" s="28" t="s">
        <v>45</v>
      </c>
      <c r="C19" s="29">
        <v>1771719</v>
      </c>
      <c r="D19" s="29">
        <v>1730527</v>
      </c>
      <c r="E19" s="29">
        <v>55</v>
      </c>
      <c r="F19" s="29">
        <v>41137</v>
      </c>
      <c r="G19" s="29">
        <v>95115</v>
      </c>
      <c r="H19" s="29">
        <v>32979</v>
      </c>
      <c r="I19" s="29">
        <v>9767</v>
      </c>
      <c r="J19" s="29">
        <v>52370</v>
      </c>
      <c r="K19" s="29">
        <v>1866834</v>
      </c>
      <c r="L19" s="29">
        <v>1763506</v>
      </c>
      <c r="M19" s="29">
        <v>9822</v>
      </c>
      <c r="N19" s="29">
        <v>93507</v>
      </c>
      <c r="O19" s="29">
        <v>1028</v>
      </c>
      <c r="P19" s="29">
        <v>41</v>
      </c>
      <c r="Q19" s="29">
        <v>1300</v>
      </c>
      <c r="R19" s="29">
        <v>0</v>
      </c>
      <c r="S19" s="29">
        <v>0</v>
      </c>
      <c r="T19" s="29">
        <v>2369</v>
      </c>
      <c r="U19" s="30"/>
      <c r="V19" s="11"/>
    </row>
    <row r="20" spans="1:22" ht="15" hidden="1" customHeight="1">
      <c r="A20" s="27"/>
      <c r="B20" s="28" t="s">
        <v>46</v>
      </c>
      <c r="C20" s="29">
        <v>1501959</v>
      </c>
      <c r="D20" s="29">
        <v>1469461</v>
      </c>
      <c r="E20" s="29">
        <v>213</v>
      </c>
      <c r="F20" s="29">
        <v>32285</v>
      </c>
      <c r="G20" s="29">
        <v>93799</v>
      </c>
      <c r="H20" s="29">
        <v>30869</v>
      </c>
      <c r="I20" s="29">
        <v>7986</v>
      </c>
      <c r="J20" s="29">
        <v>54945</v>
      </c>
      <c r="K20" s="29">
        <v>1595759</v>
      </c>
      <c r="L20" s="29">
        <v>1500330</v>
      </c>
      <c r="M20" s="29">
        <v>8198</v>
      </c>
      <c r="N20" s="29">
        <v>87230</v>
      </c>
      <c r="O20" s="29">
        <v>373</v>
      </c>
      <c r="P20" s="29">
        <v>0</v>
      </c>
      <c r="Q20" s="29">
        <v>66</v>
      </c>
      <c r="R20" s="29">
        <v>0</v>
      </c>
      <c r="S20" s="29">
        <v>0</v>
      </c>
      <c r="T20" s="29">
        <v>439</v>
      </c>
      <c r="U20" s="30"/>
      <c r="V20" s="11"/>
    </row>
    <row r="21" spans="1:22" ht="15" hidden="1" customHeight="1">
      <c r="A21" s="27"/>
      <c r="B21" s="28" t="s">
        <v>47</v>
      </c>
      <c r="C21" s="29">
        <v>1040225</v>
      </c>
      <c r="D21" s="29">
        <v>1008979</v>
      </c>
      <c r="E21" s="29">
        <v>186</v>
      </c>
      <c r="F21" s="29">
        <v>31060</v>
      </c>
      <c r="G21" s="29">
        <v>87187</v>
      </c>
      <c r="H21" s="29">
        <v>30757</v>
      </c>
      <c r="I21" s="29">
        <v>10554</v>
      </c>
      <c r="J21" s="29">
        <v>45876</v>
      </c>
      <c r="K21" s="29">
        <v>1127413</v>
      </c>
      <c r="L21" s="29">
        <v>1039736</v>
      </c>
      <c r="M21" s="29">
        <v>10740</v>
      </c>
      <c r="N21" s="29">
        <v>76937</v>
      </c>
      <c r="O21" s="29">
        <v>7577</v>
      </c>
      <c r="P21" s="29">
        <v>2</v>
      </c>
      <c r="Q21" s="29">
        <v>1697</v>
      </c>
      <c r="R21" s="29">
        <v>0</v>
      </c>
      <c r="S21" s="29">
        <v>0</v>
      </c>
      <c r="T21" s="29">
        <v>9276</v>
      </c>
      <c r="U21" s="30"/>
      <c r="V21" s="11"/>
    </row>
    <row r="22" spans="1:22" ht="15" hidden="1" customHeight="1">
      <c r="A22" s="27"/>
      <c r="B22" s="28" t="s">
        <v>48</v>
      </c>
      <c r="C22" s="29">
        <v>636709</v>
      </c>
      <c r="D22" s="29">
        <v>624127</v>
      </c>
      <c r="E22" s="29">
        <v>0</v>
      </c>
      <c r="F22" s="29">
        <v>12582</v>
      </c>
      <c r="G22" s="29">
        <v>68633</v>
      </c>
      <c r="H22" s="29">
        <v>23427</v>
      </c>
      <c r="I22" s="29">
        <v>7922</v>
      </c>
      <c r="J22" s="29">
        <v>37284</v>
      </c>
      <c r="K22" s="29">
        <v>705341</v>
      </c>
      <c r="L22" s="29">
        <v>647554</v>
      </c>
      <c r="M22" s="29">
        <v>7922</v>
      </c>
      <c r="N22" s="29">
        <v>49865</v>
      </c>
      <c r="O22" s="29">
        <v>3538</v>
      </c>
      <c r="P22" s="29">
        <v>0</v>
      </c>
      <c r="Q22" s="29">
        <v>6</v>
      </c>
      <c r="R22" s="29">
        <v>0</v>
      </c>
      <c r="S22" s="29">
        <v>0</v>
      </c>
      <c r="T22" s="29">
        <v>3544</v>
      </c>
      <c r="U22" s="30"/>
      <c r="V22" s="11"/>
    </row>
    <row r="23" spans="1:22" ht="15" hidden="1" customHeight="1">
      <c r="A23" s="27"/>
      <c r="B23" s="28" t="s">
        <v>49</v>
      </c>
      <c r="C23" s="29">
        <v>306900</v>
      </c>
      <c r="D23" s="29">
        <v>300880</v>
      </c>
      <c r="E23" s="29">
        <v>0</v>
      </c>
      <c r="F23" s="29">
        <v>6020</v>
      </c>
      <c r="G23" s="29">
        <v>50592</v>
      </c>
      <c r="H23" s="29">
        <v>16876</v>
      </c>
      <c r="I23" s="29">
        <v>3792</v>
      </c>
      <c r="J23" s="29">
        <v>29925</v>
      </c>
      <c r="K23" s="29">
        <v>357492</v>
      </c>
      <c r="L23" s="29">
        <v>317756</v>
      </c>
      <c r="M23" s="29">
        <v>3792</v>
      </c>
      <c r="N23" s="29">
        <v>35944</v>
      </c>
      <c r="O23" s="29">
        <v>5314</v>
      </c>
      <c r="P23" s="29">
        <v>0</v>
      </c>
      <c r="Q23" s="29">
        <v>1366</v>
      </c>
      <c r="R23" s="29">
        <v>0</v>
      </c>
      <c r="S23" s="29">
        <v>0</v>
      </c>
      <c r="T23" s="29">
        <v>6680</v>
      </c>
      <c r="U23" s="30"/>
      <c r="V23" s="11"/>
    </row>
    <row r="24" spans="1:22" ht="15" hidden="1" customHeight="1">
      <c r="A24" s="27"/>
      <c r="B24" s="28" t="s">
        <v>50</v>
      </c>
      <c r="C24" s="29">
        <v>109814</v>
      </c>
      <c r="D24" s="29">
        <v>107951</v>
      </c>
      <c r="E24" s="29">
        <v>0</v>
      </c>
      <c r="F24" s="29">
        <v>1863</v>
      </c>
      <c r="G24" s="29">
        <v>35770</v>
      </c>
      <c r="H24" s="29">
        <v>11214</v>
      </c>
      <c r="I24" s="29">
        <v>5255</v>
      </c>
      <c r="J24" s="29">
        <v>19300</v>
      </c>
      <c r="K24" s="29">
        <v>145583</v>
      </c>
      <c r="L24" s="29">
        <v>119165</v>
      </c>
      <c r="M24" s="29">
        <v>5255</v>
      </c>
      <c r="N24" s="29">
        <v>21163</v>
      </c>
      <c r="O24" s="29">
        <v>1411</v>
      </c>
      <c r="P24" s="29">
        <v>0</v>
      </c>
      <c r="Q24" s="29">
        <v>0</v>
      </c>
      <c r="R24" s="29">
        <v>0</v>
      </c>
      <c r="S24" s="29">
        <v>0</v>
      </c>
      <c r="T24" s="29">
        <v>1411</v>
      </c>
      <c r="U24" s="30"/>
      <c r="V24" s="11"/>
    </row>
    <row r="25" spans="1:22" ht="15" customHeight="1">
      <c r="A25" s="27"/>
      <c r="B25" s="28" t="s">
        <v>51</v>
      </c>
      <c r="C25" s="29">
        <v>16448</v>
      </c>
      <c r="D25" s="29">
        <v>16397</v>
      </c>
      <c r="E25" s="29">
        <v>0</v>
      </c>
      <c r="F25" s="29">
        <v>50</v>
      </c>
      <c r="G25" s="29">
        <v>21555</v>
      </c>
      <c r="H25" s="29">
        <v>6346</v>
      </c>
      <c r="I25" s="29">
        <v>1554</v>
      </c>
      <c r="J25" s="29">
        <v>13654</v>
      </c>
      <c r="K25" s="29">
        <v>38002</v>
      </c>
      <c r="L25" s="29">
        <v>22743</v>
      </c>
      <c r="M25" s="29">
        <v>1554</v>
      </c>
      <c r="N25" s="29">
        <v>13705</v>
      </c>
      <c r="O25" s="29">
        <v>1111</v>
      </c>
      <c r="P25" s="29">
        <v>0</v>
      </c>
      <c r="Q25" s="29">
        <v>458</v>
      </c>
      <c r="R25" s="29">
        <v>0</v>
      </c>
      <c r="S25" s="29">
        <v>0</v>
      </c>
      <c r="T25" s="29">
        <v>1569</v>
      </c>
      <c r="U25" s="30"/>
      <c r="V25" s="11"/>
    </row>
    <row r="26" spans="1:22" ht="15" customHeight="1">
      <c r="A26" s="27"/>
      <c r="B26" s="28" t="s">
        <v>52</v>
      </c>
      <c r="C26" s="29" t="s">
        <v>74</v>
      </c>
      <c r="D26" s="29" t="s">
        <v>74</v>
      </c>
      <c r="E26" s="29" t="s">
        <v>74</v>
      </c>
      <c r="F26" s="29" t="s">
        <v>74</v>
      </c>
      <c r="G26" s="29" t="s">
        <v>74</v>
      </c>
      <c r="H26" s="29" t="s">
        <v>74</v>
      </c>
      <c r="I26" s="29" t="s">
        <v>74</v>
      </c>
      <c r="J26" s="29" t="s">
        <v>74</v>
      </c>
      <c r="K26" s="29" t="s">
        <v>74</v>
      </c>
      <c r="L26" s="29" t="s">
        <v>74</v>
      </c>
      <c r="M26" s="29" t="s">
        <v>74</v>
      </c>
      <c r="N26" s="29" t="s">
        <v>74</v>
      </c>
      <c r="O26" s="29" t="s">
        <v>74</v>
      </c>
      <c r="P26" s="29" t="s">
        <v>74</v>
      </c>
      <c r="Q26" s="29" t="s">
        <v>74</v>
      </c>
      <c r="R26" s="29" t="s">
        <v>74</v>
      </c>
      <c r="S26" s="29" t="s">
        <v>74</v>
      </c>
      <c r="T26" s="29" t="s">
        <v>74</v>
      </c>
      <c r="U26" s="30"/>
      <c r="V26" s="11"/>
    </row>
    <row r="27" spans="1:22" ht="15" customHeight="1">
      <c r="A27" s="27"/>
      <c r="B27" s="28" t="s">
        <v>53</v>
      </c>
      <c r="C27" s="29" t="s">
        <v>74</v>
      </c>
      <c r="D27" s="29" t="s">
        <v>74</v>
      </c>
      <c r="E27" s="29" t="s">
        <v>74</v>
      </c>
      <c r="F27" s="29" t="s">
        <v>74</v>
      </c>
      <c r="G27" s="29" t="s">
        <v>74</v>
      </c>
      <c r="H27" s="29" t="s">
        <v>74</v>
      </c>
      <c r="I27" s="29" t="s">
        <v>74</v>
      </c>
      <c r="J27" s="29" t="s">
        <v>74</v>
      </c>
      <c r="K27" s="29" t="s">
        <v>74</v>
      </c>
      <c r="L27" s="29" t="s">
        <v>74</v>
      </c>
      <c r="M27" s="29" t="s">
        <v>74</v>
      </c>
      <c r="N27" s="29" t="s">
        <v>74</v>
      </c>
      <c r="O27" s="29" t="s">
        <v>74</v>
      </c>
      <c r="P27" s="29" t="s">
        <v>74</v>
      </c>
      <c r="Q27" s="29" t="s">
        <v>74</v>
      </c>
      <c r="R27" s="29" t="s">
        <v>74</v>
      </c>
      <c r="S27" s="29" t="s">
        <v>74</v>
      </c>
      <c r="T27" s="29" t="s">
        <v>74</v>
      </c>
      <c r="U27" s="30"/>
      <c r="V27" s="11"/>
    </row>
    <row r="28" spans="1:22" ht="15" customHeight="1">
      <c r="A28" s="27"/>
      <c r="B28" s="28" t="s">
        <v>54</v>
      </c>
      <c r="C28" s="29" t="s">
        <v>74</v>
      </c>
      <c r="D28" s="29" t="s">
        <v>74</v>
      </c>
      <c r="E28" s="29" t="s">
        <v>74</v>
      </c>
      <c r="F28" s="29" t="s">
        <v>74</v>
      </c>
      <c r="G28" s="29" t="s">
        <v>74</v>
      </c>
      <c r="H28" s="29" t="s">
        <v>74</v>
      </c>
      <c r="I28" s="29" t="s">
        <v>74</v>
      </c>
      <c r="J28" s="29" t="s">
        <v>74</v>
      </c>
      <c r="K28" s="29" t="s">
        <v>74</v>
      </c>
      <c r="L28" s="29" t="s">
        <v>74</v>
      </c>
      <c r="M28" s="29" t="s">
        <v>74</v>
      </c>
      <c r="N28" s="29" t="s">
        <v>74</v>
      </c>
      <c r="O28" s="29" t="s">
        <v>74</v>
      </c>
      <c r="P28" s="29" t="s">
        <v>74</v>
      </c>
      <c r="Q28" s="29" t="s">
        <v>74</v>
      </c>
      <c r="R28" s="29" t="s">
        <v>74</v>
      </c>
      <c r="S28" s="29" t="s">
        <v>74</v>
      </c>
      <c r="T28" s="29" t="s">
        <v>74</v>
      </c>
      <c r="U28" s="30"/>
      <c r="V28" s="11"/>
    </row>
    <row r="29" spans="1:22" ht="15" customHeight="1" thickBot="1">
      <c r="A29" s="31"/>
      <c r="B29" s="28" t="s">
        <v>75</v>
      </c>
      <c r="C29" s="29" t="s">
        <v>74</v>
      </c>
      <c r="D29" s="29" t="s">
        <v>74</v>
      </c>
      <c r="E29" s="29" t="s">
        <v>74</v>
      </c>
      <c r="F29" s="29" t="s">
        <v>74</v>
      </c>
      <c r="G29" s="29" t="s">
        <v>74</v>
      </c>
      <c r="H29" s="29" t="s">
        <v>74</v>
      </c>
      <c r="I29" s="29" t="s">
        <v>74</v>
      </c>
      <c r="J29" s="29" t="s">
        <v>74</v>
      </c>
      <c r="K29" s="29" t="s">
        <v>74</v>
      </c>
      <c r="L29" s="29" t="s">
        <v>74</v>
      </c>
      <c r="M29" s="29" t="s">
        <v>74</v>
      </c>
      <c r="N29" s="29" t="s">
        <v>74</v>
      </c>
      <c r="O29" s="29" t="s">
        <v>74</v>
      </c>
      <c r="P29" s="29" t="s">
        <v>74</v>
      </c>
      <c r="Q29" s="29" t="s">
        <v>74</v>
      </c>
      <c r="R29" s="29" t="s">
        <v>74</v>
      </c>
      <c r="S29" s="29" t="s">
        <v>74</v>
      </c>
      <c r="T29" s="29" t="s">
        <v>74</v>
      </c>
      <c r="U29" s="32"/>
    </row>
    <row r="30" spans="1:22" ht="15" customHeight="1">
      <c r="A30" s="33">
        <v>1</v>
      </c>
      <c r="B30" s="34" t="s">
        <v>55</v>
      </c>
      <c r="C30" s="41" t="s">
        <v>74</v>
      </c>
      <c r="D30" s="41" t="s">
        <v>74</v>
      </c>
      <c r="E30" s="41" t="s">
        <v>74</v>
      </c>
      <c r="F30" s="41" t="s">
        <v>74</v>
      </c>
      <c r="G30" s="41" t="s">
        <v>74</v>
      </c>
      <c r="H30" s="41" t="s">
        <v>74</v>
      </c>
      <c r="I30" s="41" t="s">
        <v>74</v>
      </c>
      <c r="J30" s="41" t="s">
        <v>74</v>
      </c>
      <c r="K30" s="41" t="s">
        <v>74</v>
      </c>
      <c r="L30" s="41" t="s">
        <v>74</v>
      </c>
      <c r="M30" s="41" t="s">
        <v>74</v>
      </c>
      <c r="N30" s="41" t="s">
        <v>74</v>
      </c>
      <c r="O30" s="41" t="s">
        <v>74</v>
      </c>
      <c r="P30" s="41" t="s">
        <v>74</v>
      </c>
      <c r="Q30" s="41" t="s">
        <v>74</v>
      </c>
      <c r="R30" s="41" t="s">
        <v>74</v>
      </c>
      <c r="S30" s="41" t="s">
        <v>74</v>
      </c>
      <c r="T30" s="41" t="s">
        <v>74</v>
      </c>
      <c r="U30" s="35">
        <v>1</v>
      </c>
    </row>
    <row r="31" spans="1:22" ht="15" customHeight="1">
      <c r="A31" s="33">
        <v>2</v>
      </c>
      <c r="B31" s="34" t="s">
        <v>56</v>
      </c>
      <c r="C31" s="41" t="s">
        <v>74</v>
      </c>
      <c r="D31" s="41" t="s">
        <v>74</v>
      </c>
      <c r="E31" s="41" t="s">
        <v>74</v>
      </c>
      <c r="F31" s="41" t="s">
        <v>74</v>
      </c>
      <c r="G31" s="41" t="s">
        <v>74</v>
      </c>
      <c r="H31" s="41" t="s">
        <v>74</v>
      </c>
      <c r="I31" s="41" t="s">
        <v>74</v>
      </c>
      <c r="J31" s="41" t="s">
        <v>74</v>
      </c>
      <c r="K31" s="41" t="s">
        <v>74</v>
      </c>
      <c r="L31" s="41" t="s">
        <v>74</v>
      </c>
      <c r="M31" s="41" t="s">
        <v>74</v>
      </c>
      <c r="N31" s="41" t="s">
        <v>74</v>
      </c>
      <c r="O31" s="41" t="s">
        <v>74</v>
      </c>
      <c r="P31" s="41" t="s">
        <v>74</v>
      </c>
      <c r="Q31" s="41" t="s">
        <v>74</v>
      </c>
      <c r="R31" s="41" t="s">
        <v>74</v>
      </c>
      <c r="S31" s="41" t="s">
        <v>74</v>
      </c>
      <c r="T31" s="41" t="s">
        <v>74</v>
      </c>
      <c r="U31" s="36">
        <v>2</v>
      </c>
    </row>
    <row r="32" spans="1:22" ht="15" customHeight="1">
      <c r="A32" s="33">
        <v>3</v>
      </c>
      <c r="B32" s="34" t="s">
        <v>57</v>
      </c>
      <c r="C32" s="41" t="s">
        <v>74</v>
      </c>
      <c r="D32" s="41" t="s">
        <v>74</v>
      </c>
      <c r="E32" s="41" t="s">
        <v>74</v>
      </c>
      <c r="F32" s="41" t="s">
        <v>74</v>
      </c>
      <c r="G32" s="41" t="s">
        <v>74</v>
      </c>
      <c r="H32" s="41" t="s">
        <v>74</v>
      </c>
      <c r="I32" s="41" t="s">
        <v>74</v>
      </c>
      <c r="J32" s="41" t="s">
        <v>74</v>
      </c>
      <c r="K32" s="41" t="s">
        <v>74</v>
      </c>
      <c r="L32" s="41" t="s">
        <v>74</v>
      </c>
      <c r="M32" s="41" t="s">
        <v>74</v>
      </c>
      <c r="N32" s="41" t="s">
        <v>74</v>
      </c>
      <c r="O32" s="41" t="s">
        <v>74</v>
      </c>
      <c r="P32" s="41" t="s">
        <v>74</v>
      </c>
      <c r="Q32" s="41" t="s">
        <v>74</v>
      </c>
      <c r="R32" s="41" t="s">
        <v>74</v>
      </c>
      <c r="S32" s="41" t="s">
        <v>74</v>
      </c>
      <c r="T32" s="41" t="s">
        <v>74</v>
      </c>
      <c r="U32" s="36">
        <v>3</v>
      </c>
    </row>
    <row r="33" spans="1:21" ht="15" customHeight="1">
      <c r="A33" s="33">
        <v>4</v>
      </c>
      <c r="B33" s="34" t="s">
        <v>58</v>
      </c>
      <c r="C33" s="41" t="s">
        <v>74</v>
      </c>
      <c r="D33" s="41" t="s">
        <v>74</v>
      </c>
      <c r="E33" s="41" t="s">
        <v>74</v>
      </c>
      <c r="F33" s="41" t="s">
        <v>74</v>
      </c>
      <c r="G33" s="41" t="s">
        <v>74</v>
      </c>
      <c r="H33" s="41" t="s">
        <v>74</v>
      </c>
      <c r="I33" s="41" t="s">
        <v>74</v>
      </c>
      <c r="J33" s="41" t="s">
        <v>74</v>
      </c>
      <c r="K33" s="41" t="s">
        <v>74</v>
      </c>
      <c r="L33" s="41" t="s">
        <v>74</v>
      </c>
      <c r="M33" s="41" t="s">
        <v>74</v>
      </c>
      <c r="N33" s="41" t="s">
        <v>74</v>
      </c>
      <c r="O33" s="41" t="s">
        <v>74</v>
      </c>
      <c r="P33" s="41" t="s">
        <v>74</v>
      </c>
      <c r="Q33" s="41" t="s">
        <v>74</v>
      </c>
      <c r="R33" s="41" t="s">
        <v>74</v>
      </c>
      <c r="S33" s="41" t="s">
        <v>74</v>
      </c>
      <c r="T33" s="41" t="s">
        <v>74</v>
      </c>
      <c r="U33" s="36">
        <v>4</v>
      </c>
    </row>
    <row r="34" spans="1:21" ht="15" customHeight="1">
      <c r="A34" s="33">
        <v>5</v>
      </c>
      <c r="B34" s="34" t="s">
        <v>59</v>
      </c>
      <c r="C34" s="41" t="s">
        <v>74</v>
      </c>
      <c r="D34" s="41" t="s">
        <v>74</v>
      </c>
      <c r="E34" s="41" t="s">
        <v>74</v>
      </c>
      <c r="F34" s="41" t="s">
        <v>74</v>
      </c>
      <c r="G34" s="41" t="s">
        <v>74</v>
      </c>
      <c r="H34" s="41" t="s">
        <v>74</v>
      </c>
      <c r="I34" s="41" t="s">
        <v>74</v>
      </c>
      <c r="J34" s="41" t="s">
        <v>74</v>
      </c>
      <c r="K34" s="41" t="s">
        <v>74</v>
      </c>
      <c r="L34" s="41" t="s">
        <v>74</v>
      </c>
      <c r="M34" s="41" t="s">
        <v>74</v>
      </c>
      <c r="N34" s="41" t="s">
        <v>74</v>
      </c>
      <c r="O34" s="41" t="s">
        <v>74</v>
      </c>
      <c r="P34" s="41" t="s">
        <v>74</v>
      </c>
      <c r="Q34" s="41" t="s">
        <v>74</v>
      </c>
      <c r="R34" s="41" t="s">
        <v>74</v>
      </c>
      <c r="S34" s="41" t="s">
        <v>74</v>
      </c>
      <c r="T34" s="41" t="s">
        <v>74</v>
      </c>
      <c r="U34" s="36">
        <v>5</v>
      </c>
    </row>
    <row r="35" spans="1:21" ht="15" customHeight="1">
      <c r="A35" s="33">
        <v>6</v>
      </c>
      <c r="B35" s="34" t="s">
        <v>60</v>
      </c>
      <c r="C35" s="41" t="s">
        <v>74</v>
      </c>
      <c r="D35" s="41" t="s">
        <v>74</v>
      </c>
      <c r="E35" s="41" t="s">
        <v>74</v>
      </c>
      <c r="F35" s="41" t="s">
        <v>74</v>
      </c>
      <c r="G35" s="41" t="s">
        <v>74</v>
      </c>
      <c r="H35" s="41" t="s">
        <v>74</v>
      </c>
      <c r="I35" s="41" t="s">
        <v>74</v>
      </c>
      <c r="J35" s="41" t="s">
        <v>74</v>
      </c>
      <c r="K35" s="41" t="s">
        <v>74</v>
      </c>
      <c r="L35" s="41" t="s">
        <v>74</v>
      </c>
      <c r="M35" s="41" t="s">
        <v>74</v>
      </c>
      <c r="N35" s="41" t="s">
        <v>74</v>
      </c>
      <c r="O35" s="41" t="s">
        <v>74</v>
      </c>
      <c r="P35" s="41" t="s">
        <v>74</v>
      </c>
      <c r="Q35" s="41" t="s">
        <v>74</v>
      </c>
      <c r="R35" s="41" t="s">
        <v>74</v>
      </c>
      <c r="S35" s="41" t="s">
        <v>74</v>
      </c>
      <c r="T35" s="41" t="s">
        <v>74</v>
      </c>
      <c r="U35" s="36">
        <v>6</v>
      </c>
    </row>
    <row r="36" spans="1:21" ht="15" customHeight="1">
      <c r="A36" s="33">
        <v>7</v>
      </c>
      <c r="B36" s="34" t="s">
        <v>61</v>
      </c>
      <c r="C36" s="41" t="s">
        <v>74</v>
      </c>
      <c r="D36" s="41" t="s">
        <v>74</v>
      </c>
      <c r="E36" s="41" t="s">
        <v>74</v>
      </c>
      <c r="F36" s="41" t="s">
        <v>74</v>
      </c>
      <c r="G36" s="41" t="s">
        <v>74</v>
      </c>
      <c r="H36" s="41" t="s">
        <v>74</v>
      </c>
      <c r="I36" s="41" t="s">
        <v>74</v>
      </c>
      <c r="J36" s="41" t="s">
        <v>74</v>
      </c>
      <c r="K36" s="41" t="s">
        <v>74</v>
      </c>
      <c r="L36" s="41" t="s">
        <v>74</v>
      </c>
      <c r="M36" s="41" t="s">
        <v>74</v>
      </c>
      <c r="N36" s="41" t="s">
        <v>74</v>
      </c>
      <c r="O36" s="41" t="s">
        <v>74</v>
      </c>
      <c r="P36" s="41" t="s">
        <v>74</v>
      </c>
      <c r="Q36" s="41" t="s">
        <v>74</v>
      </c>
      <c r="R36" s="41" t="s">
        <v>74</v>
      </c>
      <c r="S36" s="41" t="s">
        <v>74</v>
      </c>
      <c r="T36" s="41" t="s">
        <v>74</v>
      </c>
      <c r="U36" s="36">
        <v>7</v>
      </c>
    </row>
    <row r="37" spans="1:21" ht="15" customHeight="1">
      <c r="A37" s="33">
        <v>36</v>
      </c>
      <c r="B37" s="34" t="s">
        <v>62</v>
      </c>
      <c r="C37" s="41" t="s">
        <v>74</v>
      </c>
      <c r="D37" s="41" t="s">
        <v>74</v>
      </c>
      <c r="E37" s="41" t="s">
        <v>74</v>
      </c>
      <c r="F37" s="41" t="s">
        <v>74</v>
      </c>
      <c r="G37" s="41" t="s">
        <v>74</v>
      </c>
      <c r="H37" s="41" t="s">
        <v>74</v>
      </c>
      <c r="I37" s="41" t="s">
        <v>74</v>
      </c>
      <c r="J37" s="41" t="s">
        <v>74</v>
      </c>
      <c r="K37" s="41" t="s">
        <v>74</v>
      </c>
      <c r="L37" s="41" t="s">
        <v>74</v>
      </c>
      <c r="M37" s="41" t="s">
        <v>74</v>
      </c>
      <c r="N37" s="41" t="s">
        <v>74</v>
      </c>
      <c r="O37" s="41" t="s">
        <v>74</v>
      </c>
      <c r="P37" s="41" t="s">
        <v>74</v>
      </c>
      <c r="Q37" s="41" t="s">
        <v>74</v>
      </c>
      <c r="R37" s="41" t="s">
        <v>74</v>
      </c>
      <c r="S37" s="41" t="s">
        <v>74</v>
      </c>
      <c r="T37" s="41" t="s">
        <v>74</v>
      </c>
      <c r="U37" s="36">
        <v>36</v>
      </c>
    </row>
    <row r="38" spans="1:21" ht="15" customHeight="1">
      <c r="A38" s="33">
        <v>49</v>
      </c>
      <c r="B38" s="34" t="s">
        <v>63</v>
      </c>
      <c r="C38" s="41" t="s">
        <v>74</v>
      </c>
      <c r="D38" s="41" t="s">
        <v>74</v>
      </c>
      <c r="E38" s="41" t="s">
        <v>74</v>
      </c>
      <c r="F38" s="41" t="s">
        <v>74</v>
      </c>
      <c r="G38" s="41" t="s">
        <v>74</v>
      </c>
      <c r="H38" s="41" t="s">
        <v>74</v>
      </c>
      <c r="I38" s="41" t="s">
        <v>74</v>
      </c>
      <c r="J38" s="41" t="s">
        <v>74</v>
      </c>
      <c r="K38" s="41" t="s">
        <v>74</v>
      </c>
      <c r="L38" s="41" t="s">
        <v>74</v>
      </c>
      <c r="M38" s="41" t="s">
        <v>74</v>
      </c>
      <c r="N38" s="41" t="s">
        <v>74</v>
      </c>
      <c r="O38" s="41" t="s">
        <v>74</v>
      </c>
      <c r="P38" s="41" t="s">
        <v>74</v>
      </c>
      <c r="Q38" s="41" t="s">
        <v>74</v>
      </c>
      <c r="R38" s="41" t="s">
        <v>74</v>
      </c>
      <c r="S38" s="41" t="s">
        <v>74</v>
      </c>
      <c r="T38" s="41" t="s">
        <v>74</v>
      </c>
      <c r="U38" s="36">
        <v>49</v>
      </c>
    </row>
    <row r="39" spans="1:21" ht="15" customHeight="1">
      <c r="A39" s="33">
        <v>57</v>
      </c>
      <c r="B39" s="34" t="s">
        <v>64</v>
      </c>
      <c r="C39" s="41" t="s">
        <v>74</v>
      </c>
      <c r="D39" s="41" t="s">
        <v>74</v>
      </c>
      <c r="E39" s="41" t="s">
        <v>74</v>
      </c>
      <c r="F39" s="41" t="s">
        <v>74</v>
      </c>
      <c r="G39" s="41" t="s">
        <v>74</v>
      </c>
      <c r="H39" s="41" t="s">
        <v>74</v>
      </c>
      <c r="I39" s="41" t="s">
        <v>74</v>
      </c>
      <c r="J39" s="41" t="s">
        <v>74</v>
      </c>
      <c r="K39" s="41" t="s">
        <v>74</v>
      </c>
      <c r="L39" s="41" t="s">
        <v>74</v>
      </c>
      <c r="M39" s="41" t="s">
        <v>74</v>
      </c>
      <c r="N39" s="41" t="s">
        <v>74</v>
      </c>
      <c r="O39" s="41" t="s">
        <v>74</v>
      </c>
      <c r="P39" s="41" t="s">
        <v>74</v>
      </c>
      <c r="Q39" s="41" t="s">
        <v>74</v>
      </c>
      <c r="R39" s="41" t="s">
        <v>74</v>
      </c>
      <c r="S39" s="41" t="s">
        <v>74</v>
      </c>
      <c r="T39" s="41" t="s">
        <v>74</v>
      </c>
      <c r="U39" s="36">
        <v>57</v>
      </c>
    </row>
    <row r="40" spans="1:21" ht="15" customHeight="1">
      <c r="A40" s="33">
        <v>58</v>
      </c>
      <c r="B40" s="34" t="s">
        <v>65</v>
      </c>
      <c r="C40" s="41" t="s">
        <v>74</v>
      </c>
      <c r="D40" s="41" t="s">
        <v>74</v>
      </c>
      <c r="E40" s="41" t="s">
        <v>74</v>
      </c>
      <c r="F40" s="41" t="s">
        <v>74</v>
      </c>
      <c r="G40" s="41" t="s">
        <v>74</v>
      </c>
      <c r="H40" s="41" t="s">
        <v>74</v>
      </c>
      <c r="I40" s="41" t="s">
        <v>74</v>
      </c>
      <c r="J40" s="41" t="s">
        <v>74</v>
      </c>
      <c r="K40" s="41" t="s">
        <v>74</v>
      </c>
      <c r="L40" s="41" t="s">
        <v>74</v>
      </c>
      <c r="M40" s="41" t="s">
        <v>74</v>
      </c>
      <c r="N40" s="41" t="s">
        <v>74</v>
      </c>
      <c r="O40" s="41" t="s">
        <v>74</v>
      </c>
      <c r="P40" s="41" t="s">
        <v>74</v>
      </c>
      <c r="Q40" s="41" t="s">
        <v>74</v>
      </c>
      <c r="R40" s="41" t="s">
        <v>74</v>
      </c>
      <c r="S40" s="41" t="s">
        <v>74</v>
      </c>
      <c r="T40" s="41" t="s">
        <v>74</v>
      </c>
      <c r="U40" s="36">
        <v>58</v>
      </c>
    </row>
    <row r="41" spans="1:21" ht="15" customHeight="1">
      <c r="A41" s="33">
        <v>59</v>
      </c>
      <c r="B41" s="34" t="s">
        <v>66</v>
      </c>
      <c r="C41" s="41" t="s">
        <v>74</v>
      </c>
      <c r="D41" s="41" t="s">
        <v>74</v>
      </c>
      <c r="E41" s="41" t="s">
        <v>74</v>
      </c>
      <c r="F41" s="41" t="s">
        <v>74</v>
      </c>
      <c r="G41" s="41" t="s">
        <v>74</v>
      </c>
      <c r="H41" s="41" t="s">
        <v>74</v>
      </c>
      <c r="I41" s="41" t="s">
        <v>74</v>
      </c>
      <c r="J41" s="41" t="s">
        <v>74</v>
      </c>
      <c r="K41" s="41" t="s">
        <v>74</v>
      </c>
      <c r="L41" s="41" t="s">
        <v>74</v>
      </c>
      <c r="M41" s="41" t="s">
        <v>74</v>
      </c>
      <c r="N41" s="41" t="s">
        <v>74</v>
      </c>
      <c r="O41" s="41" t="s">
        <v>74</v>
      </c>
      <c r="P41" s="41" t="s">
        <v>74</v>
      </c>
      <c r="Q41" s="41" t="s">
        <v>74</v>
      </c>
      <c r="R41" s="41" t="s">
        <v>74</v>
      </c>
      <c r="S41" s="41" t="s">
        <v>74</v>
      </c>
      <c r="T41" s="41" t="s">
        <v>74</v>
      </c>
      <c r="U41" s="36">
        <v>59</v>
      </c>
    </row>
    <row r="42" spans="1:21" ht="15" customHeight="1">
      <c r="A42" s="33">
        <v>61</v>
      </c>
      <c r="B42" s="34" t="s">
        <v>67</v>
      </c>
      <c r="C42" s="41" t="s">
        <v>74</v>
      </c>
      <c r="D42" s="41" t="s">
        <v>74</v>
      </c>
      <c r="E42" s="41" t="s">
        <v>74</v>
      </c>
      <c r="F42" s="41" t="s">
        <v>74</v>
      </c>
      <c r="G42" s="41" t="s">
        <v>74</v>
      </c>
      <c r="H42" s="41" t="s">
        <v>74</v>
      </c>
      <c r="I42" s="41" t="s">
        <v>74</v>
      </c>
      <c r="J42" s="41" t="s">
        <v>74</v>
      </c>
      <c r="K42" s="41" t="s">
        <v>74</v>
      </c>
      <c r="L42" s="41" t="s">
        <v>74</v>
      </c>
      <c r="M42" s="41" t="s">
        <v>74</v>
      </c>
      <c r="N42" s="41" t="s">
        <v>74</v>
      </c>
      <c r="O42" s="41" t="s">
        <v>74</v>
      </c>
      <c r="P42" s="41" t="s">
        <v>74</v>
      </c>
      <c r="Q42" s="41" t="s">
        <v>74</v>
      </c>
      <c r="R42" s="41" t="s">
        <v>74</v>
      </c>
      <c r="S42" s="41" t="s">
        <v>74</v>
      </c>
      <c r="T42" s="41" t="s">
        <v>74</v>
      </c>
      <c r="U42" s="36">
        <v>61</v>
      </c>
    </row>
    <row r="43" spans="1:21" ht="15" customHeight="1">
      <c r="A43" s="33">
        <v>81</v>
      </c>
      <c r="B43" s="34" t="s">
        <v>68</v>
      </c>
      <c r="C43" s="41" t="s">
        <v>74</v>
      </c>
      <c r="D43" s="41" t="s">
        <v>74</v>
      </c>
      <c r="E43" s="41" t="s">
        <v>74</v>
      </c>
      <c r="F43" s="41" t="s">
        <v>74</v>
      </c>
      <c r="G43" s="41" t="s">
        <v>74</v>
      </c>
      <c r="H43" s="41" t="s">
        <v>74</v>
      </c>
      <c r="I43" s="41" t="s">
        <v>74</v>
      </c>
      <c r="J43" s="41" t="s">
        <v>74</v>
      </c>
      <c r="K43" s="41" t="s">
        <v>74</v>
      </c>
      <c r="L43" s="41" t="s">
        <v>74</v>
      </c>
      <c r="M43" s="41" t="s">
        <v>74</v>
      </c>
      <c r="N43" s="41" t="s">
        <v>74</v>
      </c>
      <c r="O43" s="41" t="s">
        <v>74</v>
      </c>
      <c r="P43" s="41" t="s">
        <v>74</v>
      </c>
      <c r="Q43" s="41" t="s">
        <v>74</v>
      </c>
      <c r="R43" s="41" t="s">
        <v>74</v>
      </c>
      <c r="S43" s="41" t="s">
        <v>74</v>
      </c>
      <c r="T43" s="41" t="s">
        <v>74</v>
      </c>
      <c r="U43" s="36">
        <v>81</v>
      </c>
    </row>
    <row r="44" spans="1:21" ht="15" customHeight="1">
      <c r="A44" s="33">
        <v>82</v>
      </c>
      <c r="B44" s="34" t="s">
        <v>69</v>
      </c>
      <c r="C44" s="41" t="s">
        <v>74</v>
      </c>
      <c r="D44" s="41" t="s">
        <v>74</v>
      </c>
      <c r="E44" s="41" t="s">
        <v>74</v>
      </c>
      <c r="F44" s="41" t="s">
        <v>74</v>
      </c>
      <c r="G44" s="41" t="s">
        <v>74</v>
      </c>
      <c r="H44" s="41" t="s">
        <v>74</v>
      </c>
      <c r="I44" s="41" t="s">
        <v>74</v>
      </c>
      <c r="J44" s="41" t="s">
        <v>74</v>
      </c>
      <c r="K44" s="41" t="s">
        <v>74</v>
      </c>
      <c r="L44" s="41" t="s">
        <v>74</v>
      </c>
      <c r="M44" s="41" t="s">
        <v>74</v>
      </c>
      <c r="N44" s="41" t="s">
        <v>74</v>
      </c>
      <c r="O44" s="41" t="s">
        <v>74</v>
      </c>
      <c r="P44" s="41" t="s">
        <v>74</v>
      </c>
      <c r="Q44" s="41" t="s">
        <v>74</v>
      </c>
      <c r="R44" s="41" t="s">
        <v>74</v>
      </c>
      <c r="S44" s="41" t="s">
        <v>74</v>
      </c>
      <c r="T44" s="41" t="s">
        <v>74</v>
      </c>
      <c r="U44" s="36">
        <v>82</v>
      </c>
    </row>
    <row r="45" spans="1:21" ht="15" customHeight="1">
      <c r="A45" s="33">
        <v>83</v>
      </c>
      <c r="B45" s="34" t="s">
        <v>70</v>
      </c>
      <c r="C45" s="41" t="s">
        <v>74</v>
      </c>
      <c r="D45" s="41" t="s">
        <v>74</v>
      </c>
      <c r="E45" s="41" t="s">
        <v>74</v>
      </c>
      <c r="F45" s="41" t="s">
        <v>74</v>
      </c>
      <c r="G45" s="41" t="s">
        <v>74</v>
      </c>
      <c r="H45" s="41" t="s">
        <v>74</v>
      </c>
      <c r="I45" s="41" t="s">
        <v>74</v>
      </c>
      <c r="J45" s="41" t="s">
        <v>74</v>
      </c>
      <c r="K45" s="41" t="s">
        <v>74</v>
      </c>
      <c r="L45" s="41" t="s">
        <v>74</v>
      </c>
      <c r="M45" s="41" t="s">
        <v>74</v>
      </c>
      <c r="N45" s="41" t="s">
        <v>74</v>
      </c>
      <c r="O45" s="41" t="s">
        <v>74</v>
      </c>
      <c r="P45" s="41" t="s">
        <v>74</v>
      </c>
      <c r="Q45" s="41" t="s">
        <v>74</v>
      </c>
      <c r="R45" s="41" t="s">
        <v>74</v>
      </c>
      <c r="S45" s="41" t="s">
        <v>74</v>
      </c>
      <c r="T45" s="41" t="s">
        <v>74</v>
      </c>
      <c r="U45" s="36">
        <v>83</v>
      </c>
    </row>
    <row r="46" spans="1:21" ht="15" customHeight="1">
      <c r="A46" s="33">
        <v>84</v>
      </c>
      <c r="B46" s="34" t="s">
        <v>71</v>
      </c>
      <c r="C46" s="41" t="s">
        <v>74</v>
      </c>
      <c r="D46" s="41" t="s">
        <v>74</v>
      </c>
      <c r="E46" s="41" t="s">
        <v>74</v>
      </c>
      <c r="F46" s="41" t="s">
        <v>74</v>
      </c>
      <c r="G46" s="41" t="s">
        <v>74</v>
      </c>
      <c r="H46" s="41" t="s">
        <v>74</v>
      </c>
      <c r="I46" s="41" t="s">
        <v>74</v>
      </c>
      <c r="J46" s="41" t="s">
        <v>74</v>
      </c>
      <c r="K46" s="41" t="s">
        <v>74</v>
      </c>
      <c r="L46" s="41" t="s">
        <v>74</v>
      </c>
      <c r="M46" s="41" t="s">
        <v>74</v>
      </c>
      <c r="N46" s="41" t="s">
        <v>74</v>
      </c>
      <c r="O46" s="41" t="s">
        <v>74</v>
      </c>
      <c r="P46" s="41" t="s">
        <v>74</v>
      </c>
      <c r="Q46" s="41" t="s">
        <v>74</v>
      </c>
      <c r="R46" s="41" t="s">
        <v>74</v>
      </c>
      <c r="S46" s="41" t="s">
        <v>74</v>
      </c>
      <c r="T46" s="41" t="s">
        <v>74</v>
      </c>
      <c r="U46" s="36">
        <v>84</v>
      </c>
    </row>
    <row r="47" spans="1:21" ht="15" customHeight="1">
      <c r="A47" s="33">
        <v>85</v>
      </c>
      <c r="B47" s="34" t="s">
        <v>72</v>
      </c>
      <c r="C47" s="41" t="s">
        <v>74</v>
      </c>
      <c r="D47" s="41" t="s">
        <v>74</v>
      </c>
      <c r="E47" s="41" t="s">
        <v>74</v>
      </c>
      <c r="F47" s="41" t="s">
        <v>74</v>
      </c>
      <c r="G47" s="41" t="s">
        <v>74</v>
      </c>
      <c r="H47" s="41" t="s">
        <v>74</v>
      </c>
      <c r="I47" s="41" t="s">
        <v>74</v>
      </c>
      <c r="J47" s="41" t="s">
        <v>74</v>
      </c>
      <c r="K47" s="41" t="s">
        <v>74</v>
      </c>
      <c r="L47" s="41" t="s">
        <v>74</v>
      </c>
      <c r="M47" s="41" t="s">
        <v>74</v>
      </c>
      <c r="N47" s="41" t="s">
        <v>74</v>
      </c>
      <c r="O47" s="41" t="s">
        <v>74</v>
      </c>
      <c r="P47" s="41" t="s">
        <v>74</v>
      </c>
      <c r="Q47" s="41" t="s">
        <v>74</v>
      </c>
      <c r="R47" s="41" t="s">
        <v>74</v>
      </c>
      <c r="S47" s="41" t="s">
        <v>74</v>
      </c>
      <c r="T47" s="41" t="s">
        <v>74</v>
      </c>
      <c r="U47" s="36">
        <v>85</v>
      </c>
    </row>
    <row r="48" spans="1:21" ht="15" customHeight="1" thickBot="1">
      <c r="A48" s="33">
        <v>86</v>
      </c>
      <c r="B48" s="34" t="s">
        <v>73</v>
      </c>
      <c r="C48" s="41" t="s">
        <v>74</v>
      </c>
      <c r="D48" s="41" t="s">
        <v>74</v>
      </c>
      <c r="E48" s="41" t="s">
        <v>74</v>
      </c>
      <c r="F48" s="41" t="s">
        <v>74</v>
      </c>
      <c r="G48" s="41" t="s">
        <v>74</v>
      </c>
      <c r="H48" s="41" t="s">
        <v>74</v>
      </c>
      <c r="I48" s="41" t="s">
        <v>74</v>
      </c>
      <c r="J48" s="41" t="s">
        <v>74</v>
      </c>
      <c r="K48" s="41" t="s">
        <v>74</v>
      </c>
      <c r="L48" s="41" t="s">
        <v>74</v>
      </c>
      <c r="M48" s="41" t="s">
        <v>74</v>
      </c>
      <c r="N48" s="41" t="s">
        <v>74</v>
      </c>
      <c r="O48" s="41" t="s">
        <v>74</v>
      </c>
      <c r="P48" s="41" t="s">
        <v>74</v>
      </c>
      <c r="Q48" s="41" t="s">
        <v>74</v>
      </c>
      <c r="R48" s="41" t="s">
        <v>74</v>
      </c>
      <c r="S48" s="41" t="s">
        <v>74</v>
      </c>
      <c r="T48" s="41" t="s">
        <v>74</v>
      </c>
      <c r="U48" s="37">
        <v>86</v>
      </c>
    </row>
    <row r="50" spans="2:4" ht="15" customHeight="1">
      <c r="B50" s="38"/>
    </row>
    <row r="51" spans="2:4" ht="15" customHeight="1">
      <c r="C51" s="39"/>
      <c r="D51" s="39"/>
    </row>
    <row r="52" spans="2:4" ht="15" customHeight="1">
      <c r="C52" s="39"/>
    </row>
  </sheetData>
  <mergeCells count="15">
    <mergeCell ref="A8:A10"/>
    <mergeCell ref="B8:B10"/>
    <mergeCell ref="C8:N8"/>
    <mergeCell ref="O8:T8"/>
    <mergeCell ref="U8:U10"/>
    <mergeCell ref="C9:F9"/>
    <mergeCell ref="G9:J9"/>
    <mergeCell ref="K9:N9"/>
    <mergeCell ref="O9:T9"/>
    <mergeCell ref="C2:N2"/>
    <mergeCell ref="O2:T2"/>
    <mergeCell ref="C3:F3"/>
    <mergeCell ref="G3:J3"/>
    <mergeCell ref="K3:N3"/>
    <mergeCell ref="O3:T3"/>
  </mergeCells>
  <phoneticPr fontId="2"/>
  <pageMargins left="0.39370078740157483" right="0.39370078740157483" top="0.98425196850393704" bottom="0.51181102362204722" header="0.51181102362204722" footer="0.27559055118110237"/>
  <pageSetup paperSize="9" scale="63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4-2</vt:lpstr>
      <vt:lpstr>'sheet14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7:19:14Z</dcterms:created>
  <dcterms:modified xsi:type="dcterms:W3CDTF">2025-10-30T07:21:20Z</dcterms:modified>
</cp:coreProperties>
</file>